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7"/>
  </p:notesMasterIdLst>
  <p:handoutMasterIdLst>
    <p:handoutMasterId r:id="rId8"/>
  </p:handoutMasterIdLst>
  <p:sldIdLst>
    <p:sldId id="342" r:id="rId2"/>
    <p:sldId id="343" r:id="rId3"/>
    <p:sldId id="344" r:id="rId4"/>
    <p:sldId id="345" r:id="rId5"/>
    <p:sldId id="346" r:id="rId6"/>
  </p:sldIdLst>
  <p:sldSz cx="9144000" cy="6858000" type="screen4x3"/>
  <p:notesSz cx="6742113" cy="9872663"/>
  <p:custDataLst>
    <p:tags r:id="rId9"/>
  </p:custDataLst>
  <p:defaultTextStyle>
    <a:defPPr>
      <a:defRPr lang="ja-JP"/>
    </a:defPPr>
    <a:lvl1pPr marL="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09" userDrawn="1">
          <p15:clr>
            <a:srgbClr val="A4A3A4"/>
          </p15:clr>
        </p15:guide>
        <p15:guide id="2" pos="2124" userDrawn="1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learning_dev01" initials="l" lastIdx="4" clrIdx="0"/>
  <p:cmAuthor id="2" name="Human Science" initials="H" lastIdx="23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83700"/>
    <a:srgbClr val="83BC5C"/>
    <a:srgbClr val="F8D827"/>
    <a:srgbClr val="99CCFF"/>
    <a:srgbClr val="BED090"/>
    <a:srgbClr val="B0D888"/>
    <a:srgbClr val="442CF4"/>
    <a:srgbClr val="2B95F5"/>
    <a:srgbClr val="F4862C"/>
    <a:srgbClr val="B0D58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0867" autoAdjust="0"/>
    <p:restoredTop sz="89892" autoAdjust="0"/>
  </p:normalViewPr>
  <p:slideViewPr>
    <p:cSldViewPr snapToGrid="0">
      <p:cViewPr>
        <p:scale>
          <a:sx n="66" d="100"/>
          <a:sy n="66" d="100"/>
        </p:scale>
        <p:origin x="2150" y="22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20" d="100"/>
        <a:sy n="120" d="100"/>
      </p:scale>
      <p:origin x="0" y="-1614"/>
    </p:cViewPr>
  </p:sorterViewPr>
  <p:notesViewPr>
    <p:cSldViewPr snapToGrid="0">
      <p:cViewPr varScale="1">
        <p:scale>
          <a:sx n="76" d="100"/>
          <a:sy n="76" d="100"/>
        </p:scale>
        <p:origin x="-3930" y="-90"/>
      </p:cViewPr>
      <p:guideLst>
        <p:guide orient="horz" pos="3109"/>
        <p:guide pos="212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sz="quarter" idx="1"/>
          </p:nvPr>
        </p:nvSpPr>
        <p:spPr>
          <a:xfrm>
            <a:off x="3819525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04841BC4-3255-4701-84DC-7BA76BD3BC38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フッター プレースホルダー 3"/>
          <p:cNvSpPr>
            <a:spLocks noGrp="1"/>
          </p:cNvSpPr>
          <p:nvPr>
            <p:ph type="ftr" sz="quarter" idx="2"/>
          </p:nvPr>
        </p:nvSpPr>
        <p:spPr>
          <a:xfrm>
            <a:off x="0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5" name="スライド番号プレースホルダー 4"/>
          <p:cNvSpPr>
            <a:spLocks noGrp="1"/>
          </p:cNvSpPr>
          <p:nvPr>
            <p:ph type="sldNum" sz="quarter" idx="3"/>
          </p:nvPr>
        </p:nvSpPr>
        <p:spPr>
          <a:xfrm>
            <a:off x="3819525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8811A537-B1DC-4DC8-8C68-2B4954D54BC9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3767560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idx="1"/>
          </p:nvPr>
        </p:nvSpPr>
        <p:spPr>
          <a:xfrm>
            <a:off x="3818971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957A1FB4-E895-4F2F-AE02-D5808EBC5EEE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スライド イメージ プレースホルダー 3"/>
          <p:cNvSpPr>
            <a:spLocks noGrp="1" noRot="1" noChangeAspect="1"/>
          </p:cNvSpPr>
          <p:nvPr>
            <p:ph type="sldImg" idx="2"/>
          </p:nvPr>
        </p:nvSpPr>
        <p:spPr>
          <a:xfrm>
            <a:off x="903288" y="739775"/>
            <a:ext cx="4935537" cy="3703638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31" tIns="45716" rIns="91431" bIns="45716" rtlCol="0" anchor="ctr"/>
          <a:lstStyle/>
          <a:p>
            <a:endParaRPr lang="ja-JP" altLang="en-US"/>
          </a:p>
        </p:txBody>
      </p:sp>
      <p:sp>
        <p:nvSpPr>
          <p:cNvPr id="5" name="ノート プレースホルダー 4"/>
          <p:cNvSpPr>
            <a:spLocks noGrp="1"/>
          </p:cNvSpPr>
          <p:nvPr>
            <p:ph type="body" sz="quarter" idx="3"/>
          </p:nvPr>
        </p:nvSpPr>
        <p:spPr>
          <a:xfrm>
            <a:off x="674212" y="4689515"/>
            <a:ext cx="5393690" cy="4442698"/>
          </a:xfrm>
          <a:prstGeom prst="rect">
            <a:avLst/>
          </a:prstGeom>
        </p:spPr>
        <p:txBody>
          <a:bodyPr vert="horz" lIns="91431" tIns="45716" rIns="91431" bIns="45716" rtlCol="0"/>
          <a:lstStyle/>
          <a:p>
            <a:pPr lvl="0"/>
            <a:r>
              <a:rPr kumimoji="1" lang="ja-JP" altLang="en-US"/>
              <a:t>マスター テキストの書式設定</a:t>
            </a:r>
          </a:p>
          <a:p>
            <a:pPr lvl="1"/>
            <a:r>
              <a:rPr kumimoji="1" lang="ja-JP" altLang="en-US"/>
              <a:t>第 </a:t>
            </a:r>
            <a:r>
              <a:rPr kumimoji="1" lang="en-US" altLang="ja-JP"/>
              <a:t>2 </a:t>
            </a:r>
            <a:r>
              <a:rPr kumimoji="1" lang="ja-JP" altLang="en-US"/>
              <a:t>レベル</a:t>
            </a:r>
          </a:p>
          <a:p>
            <a:pPr lvl="2"/>
            <a:r>
              <a:rPr kumimoji="1" lang="ja-JP" altLang="en-US"/>
              <a:t>第 </a:t>
            </a:r>
            <a:r>
              <a:rPr kumimoji="1" lang="en-US" altLang="ja-JP"/>
              <a:t>3 </a:t>
            </a:r>
            <a:r>
              <a:rPr kumimoji="1" lang="ja-JP" altLang="en-US"/>
              <a:t>レベル</a:t>
            </a:r>
          </a:p>
          <a:p>
            <a:pPr lvl="3"/>
            <a:r>
              <a:rPr kumimoji="1" lang="ja-JP" altLang="en-US"/>
              <a:t>第 </a:t>
            </a:r>
            <a:r>
              <a:rPr kumimoji="1" lang="en-US" altLang="ja-JP"/>
              <a:t>4 </a:t>
            </a:r>
            <a:r>
              <a:rPr kumimoji="1" lang="ja-JP" altLang="en-US"/>
              <a:t>レベル</a:t>
            </a:r>
          </a:p>
          <a:p>
            <a:pPr lvl="4"/>
            <a:r>
              <a:rPr kumimoji="1" lang="ja-JP" altLang="en-US"/>
              <a:t>第 </a:t>
            </a:r>
            <a:r>
              <a:rPr kumimoji="1" lang="en-US" altLang="ja-JP"/>
              <a:t>5 </a:t>
            </a:r>
            <a:r>
              <a:rPr kumimoji="1" lang="ja-JP" altLang="en-US"/>
              <a:t>レベル</a:t>
            </a:r>
          </a:p>
        </p:txBody>
      </p:sp>
      <p:sp>
        <p:nvSpPr>
          <p:cNvPr id="6" name="フッター プレースホルダー 5"/>
          <p:cNvSpPr>
            <a:spLocks noGrp="1"/>
          </p:cNvSpPr>
          <p:nvPr>
            <p:ph type="ftr" sz="quarter" idx="4"/>
          </p:nvPr>
        </p:nvSpPr>
        <p:spPr>
          <a:xfrm>
            <a:off x="0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7" name="スライド番号プレースホルダー 6"/>
          <p:cNvSpPr>
            <a:spLocks noGrp="1"/>
          </p:cNvSpPr>
          <p:nvPr>
            <p:ph type="sldNum" sz="quarter" idx="5"/>
          </p:nvPr>
        </p:nvSpPr>
        <p:spPr>
          <a:xfrm>
            <a:off x="3818971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3A2ADF00-AF12-48AC-B547-A09800EB06B8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9419904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  <p:notesStyle>
    <a:lvl1pPr marL="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4482538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401909613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204297917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291312828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4624407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1.wdp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2.wdp"/></Relationships>
</file>

<file path=ppt/slideLayouts/_rels/slideLayout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7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11" Type="http://schemas.microsoft.com/office/2007/relationships/hdphoto" Target="../media/hdphoto4.wdp"/><Relationship Id="rId5" Type="http://schemas.microsoft.com/office/2007/relationships/hdphoto" Target="../media/hdphoto2.wdp"/><Relationship Id="rId10" Type="http://schemas.openxmlformats.org/officeDocument/2006/relationships/image" Target="../media/image9.png"/><Relationship Id="rId4" Type="http://schemas.openxmlformats.org/officeDocument/2006/relationships/image" Target="../media/image6.png"/><Relationship Id="rId9" Type="http://schemas.microsoft.com/office/2007/relationships/hdphoto" Target="../media/hdphoto3.wdp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ja-JP" altLang="en-US"/>
              <a:t>マスター サブタイトルの書式設定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7253016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67647047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1501352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91782904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&#10;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6995406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ja-JP" altLang="en-US"/>
              <a:t>図を追加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44237592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32903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1062750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gradFill flip="none" rotWithShape="1">
            <a:gsLst>
              <a:gs pos="0">
                <a:srgbClr val="FFD1E1"/>
              </a:gs>
              <a:gs pos="74000">
                <a:srgbClr val="FFE5FF"/>
              </a:gs>
              <a:gs pos="100000">
                <a:schemeClr val="bg1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58057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613272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正方形/長方形 10"/>
          <p:cNvSpPr/>
          <p:nvPr userDrawn="1"/>
        </p:nvSpPr>
        <p:spPr>
          <a:xfrm>
            <a:off x="0" y="0"/>
            <a:ext cx="9144000" cy="6858000"/>
          </a:xfrm>
          <a:prstGeom prst="rect">
            <a:avLst/>
          </a:prstGeom>
          <a:gradFill flip="none" rotWithShape="1">
            <a:gsLst>
              <a:gs pos="0">
                <a:srgbClr val="A4BEF2"/>
              </a:gs>
              <a:gs pos="74000">
                <a:srgbClr val="B9E1FD"/>
              </a:gs>
              <a:gs pos="100000">
                <a:srgbClr val="E6EDF6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 dirty="0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58057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83914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9"/>
          <p:cNvSpPr/>
          <p:nvPr userDrawn="1"/>
        </p:nvSpPr>
        <p:spPr>
          <a:xfrm>
            <a:off x="0" y="0"/>
            <a:ext cx="9144000" cy="6857999"/>
          </a:xfrm>
          <a:prstGeom prst="rect">
            <a:avLst/>
          </a:prstGeom>
          <a:gradFill flip="none" rotWithShape="1">
            <a:gsLst>
              <a:gs pos="100000">
                <a:schemeClr val="accent6">
                  <a:lumMod val="40000"/>
                  <a:lumOff val="60000"/>
                </a:schemeClr>
              </a:gs>
              <a:gs pos="50000">
                <a:schemeClr val="bg1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58057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000" y="6492874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8021732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solidFill>
            <a:srgbClr val="FFD1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58057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9201165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98" r="26766" b="53451"/>
          <a:stretch/>
        </p:blipFill>
        <p:spPr bwMode="auto">
          <a:xfrm>
            <a:off x="0" y="1"/>
            <a:ext cx="914400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2" descr="C:\Users\user000\Desktop\ICTすだちくん（JPG）\正面.aiのコピー.jp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4619" b="89954" l="2920" r="95499">
                        <a14:foregroundMark x1="40633" y1="46189" x2="60827" y2="47806"/>
                        <a14:foregroundMark x1="31630" y1="65589" x2="32603" y2="70092"/>
                        <a14:foregroundMark x1="28589" y1="66397" x2="39659" y2="68014"/>
                        <a14:foregroundMark x1="33698" y1="74827" x2="33090" y2="61663"/>
                        <a14:foregroundMark x1="56569" y1="63164" x2="70438" y2="74134"/>
                        <a14:backgroundMark x1="28467" y1="63510" x2="29440" y2="64434"/>
                        <a14:backgroundMark x1="16910" y1="55312" x2="26642" y2="64896"/>
                        <a14:backgroundMark x1="18613" y1="55312" x2="26277" y2="63164"/>
                        <a14:backgroundMark x1="19708" y1="54734" x2="23114" y2="59238"/>
                        <a14:backgroundMark x1="23358" y1="60162" x2="27494" y2="63048"/>
                        <a14:backgroundMark x1="23601" y1="59815" x2="23601" y2="59815"/>
                        <a14:backgroundMark x1="23236" y1="59584" x2="24818" y2="61201"/>
                        <a14:backgroundMark x1="15693" y1="56928" x2="25182" y2="65012"/>
                        <a14:backgroundMark x1="14355" y1="59469" x2="25669" y2="65012"/>
                        <a14:backgroundMark x1="15572" y1="65358" x2="25304" y2="65473"/>
                        <a14:backgroundMark x1="17640" y1="69746" x2="26521" y2="68014"/>
                        <a14:backgroundMark x1="24331" y1="67667" x2="28467" y2="65012"/>
                        <a14:backgroundMark x1="27981" y1="65704" x2="25912" y2="71478"/>
                        <a14:backgroundMark x1="68005" y1="64781" x2="75791" y2="75520"/>
                        <a14:backgroundMark x1="67640" y1="64088" x2="76277" y2="61547"/>
                        <a14:backgroundMark x1="69221" y1="62356" x2="75061" y2="60970"/>
                        <a14:backgroundMark x1="69830" y1="61432" x2="74939" y2="58083"/>
                        <a14:backgroundMark x1="77981" y1="53002" x2="72993" y2="5970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9212" y="384092"/>
            <a:ext cx="4397976" cy="46334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正方形/長方形 8"/>
          <p:cNvSpPr/>
          <p:nvPr userDrawn="1"/>
        </p:nvSpPr>
        <p:spPr>
          <a:xfrm>
            <a:off x="882766" y="3152550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0" name="正方形/長方形 9"/>
          <p:cNvSpPr/>
          <p:nvPr userDrawn="1"/>
        </p:nvSpPr>
        <p:spPr>
          <a:xfrm>
            <a:off x="895136" y="3166953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2" name="円/楕円 11"/>
          <p:cNvSpPr/>
          <p:nvPr userDrawn="1"/>
        </p:nvSpPr>
        <p:spPr>
          <a:xfrm>
            <a:off x="2391446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円/楕円 15"/>
          <p:cNvSpPr/>
          <p:nvPr userDrawn="1"/>
        </p:nvSpPr>
        <p:spPr>
          <a:xfrm>
            <a:off x="6127118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5136" y="3429000"/>
            <a:ext cx="731309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19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40195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61060154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0" y="1"/>
            <a:ext cx="9150349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正方形/長方形 18"/>
          <p:cNvSpPr/>
          <p:nvPr userDrawn="1"/>
        </p:nvSpPr>
        <p:spPr>
          <a:xfrm>
            <a:off x="1564206" y="3453327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0" name="正方形/長方形 19"/>
          <p:cNvSpPr/>
          <p:nvPr userDrawn="1"/>
        </p:nvSpPr>
        <p:spPr>
          <a:xfrm>
            <a:off x="1576576" y="3467730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2" name="円/楕円 21"/>
          <p:cNvSpPr/>
          <p:nvPr userDrawn="1"/>
        </p:nvSpPr>
        <p:spPr>
          <a:xfrm>
            <a:off x="1343350" y="3849803"/>
            <a:ext cx="366576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75166" y="3751206"/>
            <a:ext cx="7202134" cy="2914424"/>
          </a:xfrm>
        </p:spPr>
        <p:txBody>
          <a:bodyPr anchor="ctr">
            <a:normAutofit/>
          </a:bodyPr>
          <a:lstStyle>
            <a:lvl1pPr algn="ctr">
              <a:lnSpc>
                <a:spcPts val="7200"/>
              </a:lnSpc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3755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04016959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1" y="1"/>
            <a:ext cx="906018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43" t="48627" r="36251"/>
          <a:stretch/>
        </p:blipFill>
        <p:spPr bwMode="auto">
          <a:xfrm rot="10800000">
            <a:off x="6640706" y="756827"/>
            <a:ext cx="2503293" cy="264582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正方形/長方形 10"/>
          <p:cNvSpPr/>
          <p:nvPr userDrawn="1"/>
        </p:nvSpPr>
        <p:spPr>
          <a:xfrm rot="-60000">
            <a:off x="6571055" y="754203"/>
            <a:ext cx="76311" cy="2659514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正方形/長方形 19"/>
          <p:cNvSpPr/>
          <p:nvPr userDrawn="1"/>
        </p:nvSpPr>
        <p:spPr>
          <a:xfrm>
            <a:off x="1537632" y="3429000"/>
            <a:ext cx="7612718" cy="3429000"/>
          </a:xfrm>
          <a:prstGeom prst="rect">
            <a:avLst/>
          </a:prstGeom>
          <a:solidFill>
            <a:srgbClr val="FFFFFF"/>
          </a:solidFill>
          <a:ln w="88900"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41500" y="3751206"/>
            <a:ext cx="7035800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chemeClr val="accent6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40195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  <p:grpSp>
        <p:nvGrpSpPr>
          <p:cNvPr id="32" name="グループ化 31"/>
          <p:cNvGrpSpPr/>
          <p:nvPr userDrawn="1"/>
        </p:nvGrpSpPr>
        <p:grpSpPr>
          <a:xfrm>
            <a:off x="1520288" y="3407832"/>
            <a:ext cx="7623712" cy="93426"/>
            <a:chOff x="1520288" y="3407832"/>
            <a:chExt cx="7623712" cy="93426"/>
          </a:xfrm>
        </p:grpSpPr>
        <p:cxnSp>
          <p:nvCxnSpPr>
            <p:cNvPr id="4" name="直線コネクタ 3"/>
            <p:cNvCxnSpPr/>
            <p:nvPr userDrawn="1"/>
          </p:nvCxnSpPr>
          <p:spPr>
            <a:xfrm flipV="1">
              <a:off x="1520288" y="3407832"/>
              <a:ext cx="7623712" cy="2116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9" name="直線コネクタ 28"/>
            <p:cNvCxnSpPr/>
            <p:nvPr userDrawn="1"/>
          </p:nvCxnSpPr>
          <p:spPr>
            <a:xfrm flipV="1">
              <a:off x="1601425" y="3480430"/>
              <a:ext cx="7542575" cy="2082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3" name="グループ化 32"/>
          <p:cNvGrpSpPr/>
          <p:nvPr userDrawn="1"/>
        </p:nvGrpSpPr>
        <p:grpSpPr>
          <a:xfrm rot="5400000" flipV="1">
            <a:off x="-171431" y="5093609"/>
            <a:ext cx="3452286" cy="93430"/>
            <a:chOff x="1520288" y="3407832"/>
            <a:chExt cx="8912595" cy="93430"/>
          </a:xfrm>
        </p:grpSpPr>
        <p:cxnSp>
          <p:nvCxnSpPr>
            <p:cNvPr id="34" name="直線コネクタ 33"/>
            <p:cNvCxnSpPr/>
            <p:nvPr userDrawn="1"/>
          </p:nvCxnSpPr>
          <p:spPr>
            <a:xfrm rot="5400000" flipH="1" flipV="1">
              <a:off x="5955072" y="-1026952"/>
              <a:ext cx="21168" cy="889073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直線コネクタ 34"/>
            <p:cNvCxnSpPr/>
            <p:nvPr userDrawn="1"/>
          </p:nvCxnSpPr>
          <p:spPr>
            <a:xfrm rot="5400000" flipH="1" flipV="1">
              <a:off x="6064905" y="-866716"/>
              <a:ext cx="24851" cy="8711105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2" name="円/楕円 21"/>
          <p:cNvSpPr/>
          <p:nvPr userDrawn="1"/>
        </p:nvSpPr>
        <p:spPr>
          <a:xfrm>
            <a:off x="1312572" y="3833136"/>
            <a:ext cx="385275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88900">
            <a:solidFill>
              <a:schemeClr val="tx1"/>
            </a:solidFill>
          </a:ln>
          <a:effectLst>
            <a:softEdge rad="12700"/>
          </a:effectLst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21" name="グループ化 20"/>
          <p:cNvGrpSpPr/>
          <p:nvPr userDrawn="1"/>
        </p:nvGrpSpPr>
        <p:grpSpPr>
          <a:xfrm rot="5400000">
            <a:off x="5284193" y="2027834"/>
            <a:ext cx="2626626" cy="139409"/>
            <a:chOff x="900523" y="3387507"/>
            <a:chExt cx="8243479" cy="139410"/>
          </a:xfrm>
        </p:grpSpPr>
        <p:cxnSp>
          <p:nvCxnSpPr>
            <p:cNvPr id="25" name="直線コネクタ 24"/>
            <p:cNvCxnSpPr/>
            <p:nvPr userDrawn="1"/>
          </p:nvCxnSpPr>
          <p:spPr>
            <a:xfrm rot="16200000">
              <a:off x="5002407" y="-714377"/>
              <a:ext cx="39711" cy="8243479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線コネクタ 26"/>
            <p:cNvCxnSpPr/>
            <p:nvPr userDrawn="1"/>
          </p:nvCxnSpPr>
          <p:spPr>
            <a:xfrm rot="16200000">
              <a:off x="4999017" y="-618064"/>
              <a:ext cx="46487" cy="824347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0" name="正方形/長方形 9"/>
          <p:cNvSpPr/>
          <p:nvPr userDrawn="1"/>
        </p:nvSpPr>
        <p:spPr>
          <a:xfrm>
            <a:off x="6590296" y="3388519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30" name="正方形/長方形 29"/>
          <p:cNvSpPr/>
          <p:nvPr userDrawn="1"/>
        </p:nvSpPr>
        <p:spPr>
          <a:xfrm>
            <a:off x="6551045" y="733768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3075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417543" flipH="1">
            <a:off x="6803697" y="1289032"/>
            <a:ext cx="1996618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-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r="77210"/>
          <a:stretch/>
        </p:blipFill>
        <p:spPr bwMode="auto">
          <a:xfrm>
            <a:off x="8688977" y="1251948"/>
            <a:ext cx="455023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78287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8463075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553868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72" r:id="rId3"/>
    <p:sldLayoutId id="2147483673" r:id="rId4"/>
    <p:sldLayoutId id="2147483674" r:id="rId5"/>
    <p:sldLayoutId id="2147483663" r:id="rId6"/>
    <p:sldLayoutId id="2147483675" r:id="rId7"/>
    <p:sldLayoutId id="2147483676" r:id="rId8"/>
    <p:sldLayoutId id="2147483664" r:id="rId9"/>
    <p:sldLayoutId id="2147483665" r:id="rId10"/>
    <p:sldLayoutId id="2147483666" r:id="rId11"/>
    <p:sldLayoutId id="2147483667" r:id="rId12"/>
    <p:sldLayoutId id="2147483668" r:id="rId13"/>
    <p:sldLayoutId id="2147483669" r:id="rId14"/>
    <p:sldLayoutId id="2147483670" r:id="rId15"/>
    <p:sldLayoutId id="2147483671" r:id="rId1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kumimoji="1"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4" Type="http://schemas.openxmlformats.org/officeDocument/2006/relationships/image" Target="../media/image1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Relationship Id="rId6" Type="http://schemas.microsoft.com/office/2007/relationships/hdphoto" Target="../media/hdphoto5.wdp"/><Relationship Id="rId5" Type="http://schemas.openxmlformats.org/officeDocument/2006/relationships/image" Target="../media/image12.png"/><Relationship Id="rId4" Type="http://schemas.openxmlformats.org/officeDocument/2006/relationships/image" Target="../media/image11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Relationship Id="rId6" Type="http://schemas.openxmlformats.org/officeDocument/2006/relationships/image" Target="../media/image15.png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6.xml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タイトル 3"/>
          <p:cNvSpPr>
            <a:spLocks noGrp="1"/>
          </p:cNvSpPr>
          <p:nvPr>
            <p:ph type="title"/>
          </p:nvPr>
        </p:nvSpPr>
        <p:spPr>
          <a:xfrm>
            <a:off x="1675166" y="3636906"/>
            <a:ext cx="7202134" cy="2914424"/>
          </a:xfrm>
        </p:spPr>
        <p:txBody>
          <a:bodyPr>
            <a:normAutofit/>
          </a:bodyPr>
          <a:lstStyle/>
          <a:p>
            <a:pPr algn="ctr"/>
            <a:r>
              <a:rPr lang="ja-JP" altLang="en-US" sz="4000" dirty="0"/>
              <a:t>だい</a:t>
            </a:r>
            <a:r>
              <a:rPr lang="en-US" altLang="ja-JP" sz="4000" dirty="0"/>
              <a:t>11</a:t>
            </a:r>
            <a:r>
              <a:rPr lang="ja-JP" altLang="en-US" sz="4000" dirty="0"/>
              <a:t>話</a:t>
            </a:r>
            <a:br>
              <a:rPr lang="en-US" altLang="ja-JP" sz="4000" dirty="0"/>
            </a:br>
            <a:r>
              <a:rPr lang="ja-JP" altLang="en-US" dirty="0"/>
              <a:t>ウイルスに</a:t>
            </a:r>
            <a:br>
              <a:rPr lang="en-US" altLang="ja-JP" dirty="0"/>
            </a:br>
            <a:r>
              <a:rPr lang="ja-JP" altLang="en-US" dirty="0"/>
              <a:t>感染してしまったら？</a:t>
            </a:r>
          </a:p>
        </p:txBody>
      </p:sp>
      <p:sp>
        <p:nvSpPr>
          <p:cNvPr id="3" name="テキスト プレースホルダー 2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r>
              <a:rPr lang="ja-JP" altLang="en-US" dirty="0"/>
              <a:t>情報モラル教育</a:t>
            </a:r>
          </a:p>
        </p:txBody>
      </p:sp>
      <p:sp>
        <p:nvSpPr>
          <p:cNvPr id="2" name="テキスト ボックス 1">
            <a:extLst>
              <a:ext uri="{FF2B5EF4-FFF2-40B4-BE49-F238E27FC236}">
                <a16:creationId xmlns:a16="http://schemas.microsoft.com/office/drawing/2014/main" id="{89B34AB1-7966-4269-21B5-9FF87E2E0F37}"/>
              </a:ext>
            </a:extLst>
          </p:cNvPr>
          <p:cNvSpPr txBox="1"/>
          <p:nvPr/>
        </p:nvSpPr>
        <p:spPr>
          <a:xfrm>
            <a:off x="166663" y="2442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A3069E37-8ACD-6894-04D8-4BE148AB4AE7}"/>
              </a:ext>
            </a:extLst>
          </p:cNvPr>
          <p:cNvSpPr txBox="1"/>
          <p:nvPr/>
        </p:nvSpPr>
        <p:spPr>
          <a:xfrm>
            <a:off x="1693203" y="2442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ょういく</a:t>
            </a:r>
          </a:p>
        </p:txBody>
      </p: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1C0F4488-BDE2-716F-6305-B8A48F76F842}"/>
              </a:ext>
            </a:extLst>
          </p:cNvPr>
          <p:cNvSpPr txBox="1"/>
          <p:nvPr/>
        </p:nvSpPr>
        <p:spPr>
          <a:xfrm>
            <a:off x="1734767" y="5308962"/>
            <a:ext cx="162910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rgbClr val="613403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　　せん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47211C73-0E92-7016-8FCE-49AD4AEC0180}"/>
              </a:ext>
            </a:extLst>
          </p:cNvPr>
          <p:cNvSpPr txBox="1"/>
          <p:nvPr/>
        </p:nvSpPr>
        <p:spPr>
          <a:xfrm>
            <a:off x="5725872" y="3619676"/>
            <a:ext cx="8024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rgbClr val="613403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104984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図 5">
            <a:extLst>
              <a:ext uri="{FF2B5EF4-FFF2-40B4-BE49-F238E27FC236}">
                <a16:creationId xmlns:a16="http://schemas.microsoft.com/office/drawing/2014/main" id="{EA87007A-388E-4B5A-BA5D-5FCB3346DD87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7872"/>
          <a:stretch/>
        </p:blipFill>
        <p:spPr>
          <a:xfrm>
            <a:off x="-585222" y="254000"/>
            <a:ext cx="9143244" cy="659484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1.</a:t>
            </a:r>
            <a:r>
              <a:rPr lang="ja-JP" altLang="en-US" dirty="0"/>
              <a:t> ウイルスに感染してしまったら？</a:t>
            </a:r>
          </a:p>
        </p:txBody>
      </p:sp>
      <p:sp>
        <p:nvSpPr>
          <p:cNvPr id="30" name="テキスト ボックス 29"/>
          <p:cNvSpPr txBox="1"/>
          <p:nvPr/>
        </p:nvSpPr>
        <p:spPr>
          <a:xfrm>
            <a:off x="68349" y="1048261"/>
            <a:ext cx="8843422" cy="14927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鳴門くんのスマートフォンに、しらない人からメールが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届きました。いっしょに届いた画像を見てみても、心あたりはありません。</a:t>
            </a:r>
          </a:p>
        </p:txBody>
      </p:sp>
      <p:grpSp>
        <p:nvGrpSpPr>
          <p:cNvPr id="4" name="グループ化 3"/>
          <p:cNvGrpSpPr/>
          <p:nvPr/>
        </p:nvGrpSpPr>
        <p:grpSpPr>
          <a:xfrm>
            <a:off x="5443104" y="2114550"/>
            <a:ext cx="2843646" cy="1709408"/>
            <a:chOff x="5443104" y="2114550"/>
            <a:chExt cx="2843646" cy="1709408"/>
          </a:xfrm>
        </p:grpSpPr>
        <p:sp>
          <p:nvSpPr>
            <p:cNvPr id="7" name="円形吹き出し 3"/>
            <p:cNvSpPr/>
            <p:nvPr/>
          </p:nvSpPr>
          <p:spPr>
            <a:xfrm>
              <a:off x="5443104" y="2114550"/>
              <a:ext cx="2843646" cy="1709408"/>
            </a:xfrm>
            <a:custGeom>
              <a:avLst/>
              <a:gdLst>
                <a:gd name="connsiteX0" fmla="*/ 872341 w 2990850"/>
                <a:gd name="connsiteY0" fmla="*/ 2228850 h 1981200"/>
                <a:gd name="connsiteX1" fmla="*/ 760527 w 2990850"/>
                <a:gd name="connsiteY1" fmla="*/ 1853330 h 1981200"/>
                <a:gd name="connsiteX2" fmla="*/ 429664 w 2990850"/>
                <a:gd name="connsiteY2" fmla="*/ 295706 h 1981200"/>
                <a:gd name="connsiteX3" fmla="*/ 1951206 w 2990850"/>
                <a:gd name="connsiteY3" fmla="*/ 47131 h 1981200"/>
                <a:gd name="connsiteX4" fmla="*/ 2830792 w 2990850"/>
                <a:gd name="connsiteY4" fmla="*/ 1436488 h 1981200"/>
                <a:gd name="connsiteX5" fmla="*/ 1301923 w 2990850"/>
                <a:gd name="connsiteY5" fmla="*/ 1972873 h 1981200"/>
                <a:gd name="connsiteX6" fmla="*/ 872341 w 2990850"/>
                <a:gd name="connsiteY6" fmla="*/ 2228850 h 1981200"/>
                <a:gd name="connsiteX0" fmla="*/ 872506 w 2991669"/>
                <a:gd name="connsiteY0" fmla="*/ 2228877 h 2228877"/>
                <a:gd name="connsiteX1" fmla="*/ 835984 w 2991669"/>
                <a:gd name="connsiteY1" fmla="*/ 2016946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991669" h="2228877">
                  <a:moveTo>
                    <a:pt x="872506" y="2228877"/>
                  </a:moveTo>
                  <a:cubicBezTo>
                    <a:pt x="900020" y="2147121"/>
                    <a:pt x="903721" y="2086796"/>
                    <a:pt x="881228" y="2014565"/>
                  </a:cubicBezTo>
                  <a:cubicBezTo>
                    <a:pt x="866450" y="1961623"/>
                    <a:pt x="830239" y="1903918"/>
                    <a:pt x="760692" y="1853357"/>
                  </a:cubicBezTo>
                  <a:cubicBezTo>
                    <a:pt x="-96719" y="1532871"/>
                    <a:pt x="-260781" y="760506"/>
                    <a:pt x="429829" y="295733"/>
                  </a:cubicBezTo>
                  <a:cubicBezTo>
                    <a:pt x="825611" y="29375"/>
                    <a:pt x="1414011" y="-66751"/>
                    <a:pt x="1951371" y="47158"/>
                  </a:cubicBezTo>
                  <a:cubicBezTo>
                    <a:pt x="2826899" y="232753"/>
                    <a:pt x="3244736" y="892750"/>
                    <a:pt x="2830957" y="1436515"/>
                  </a:cubicBezTo>
                  <a:cubicBezTo>
                    <a:pt x="2545034" y="1812259"/>
                    <a:pt x="1931964" y="2027347"/>
                    <a:pt x="1302088" y="1972900"/>
                  </a:cubicBezTo>
                  <a:cubicBezTo>
                    <a:pt x="1246733" y="2005839"/>
                    <a:pt x="1241383" y="2031633"/>
                    <a:pt x="1152691" y="2095528"/>
                  </a:cubicBezTo>
                  <a:cubicBezTo>
                    <a:pt x="1073583" y="2161409"/>
                    <a:pt x="982570" y="2193952"/>
                    <a:pt x="872506" y="2228877"/>
                  </a:cubicBezTo>
                  <a:close/>
                </a:path>
              </a:pathLst>
            </a:custGeom>
            <a:solidFill>
              <a:srgbClr val="FFFFFF"/>
            </a:solidFill>
            <a:ln w="50800"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8" name="テキスト ボックス 7"/>
            <p:cNvSpPr txBox="1"/>
            <p:nvPr/>
          </p:nvSpPr>
          <p:spPr>
            <a:xfrm>
              <a:off x="5745202" y="2686411"/>
              <a:ext cx="239432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kumimoji="1"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誰からだろう？</a:t>
              </a:r>
            </a:p>
          </p:txBody>
        </p:sp>
      </p:grpSp>
      <p:grpSp>
        <p:nvGrpSpPr>
          <p:cNvPr id="3" name="グループ化 2"/>
          <p:cNvGrpSpPr/>
          <p:nvPr/>
        </p:nvGrpSpPr>
        <p:grpSpPr>
          <a:xfrm>
            <a:off x="188927" y="2616200"/>
            <a:ext cx="3004216" cy="1887798"/>
            <a:chOff x="188927" y="2616200"/>
            <a:chExt cx="3004216" cy="1887798"/>
          </a:xfrm>
        </p:grpSpPr>
        <p:sp>
          <p:nvSpPr>
            <p:cNvPr id="10" name="円形吹き出し 3"/>
            <p:cNvSpPr/>
            <p:nvPr/>
          </p:nvSpPr>
          <p:spPr>
            <a:xfrm flipH="1">
              <a:off x="188927" y="2616200"/>
              <a:ext cx="3004216" cy="1887798"/>
            </a:xfrm>
            <a:custGeom>
              <a:avLst/>
              <a:gdLst>
                <a:gd name="connsiteX0" fmla="*/ 872341 w 2990850"/>
                <a:gd name="connsiteY0" fmla="*/ 2228850 h 1981200"/>
                <a:gd name="connsiteX1" fmla="*/ 760527 w 2990850"/>
                <a:gd name="connsiteY1" fmla="*/ 1853330 h 1981200"/>
                <a:gd name="connsiteX2" fmla="*/ 429664 w 2990850"/>
                <a:gd name="connsiteY2" fmla="*/ 295706 h 1981200"/>
                <a:gd name="connsiteX3" fmla="*/ 1951206 w 2990850"/>
                <a:gd name="connsiteY3" fmla="*/ 47131 h 1981200"/>
                <a:gd name="connsiteX4" fmla="*/ 2830792 w 2990850"/>
                <a:gd name="connsiteY4" fmla="*/ 1436488 h 1981200"/>
                <a:gd name="connsiteX5" fmla="*/ 1301923 w 2990850"/>
                <a:gd name="connsiteY5" fmla="*/ 1972873 h 1981200"/>
                <a:gd name="connsiteX6" fmla="*/ 872341 w 2990850"/>
                <a:gd name="connsiteY6" fmla="*/ 2228850 h 1981200"/>
                <a:gd name="connsiteX0" fmla="*/ 872506 w 2991669"/>
                <a:gd name="connsiteY0" fmla="*/ 2228877 h 2228877"/>
                <a:gd name="connsiteX1" fmla="*/ 835984 w 2991669"/>
                <a:gd name="connsiteY1" fmla="*/ 2016946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991669" h="2228877">
                  <a:moveTo>
                    <a:pt x="872506" y="2228877"/>
                  </a:moveTo>
                  <a:cubicBezTo>
                    <a:pt x="900020" y="2147121"/>
                    <a:pt x="903721" y="2086796"/>
                    <a:pt x="881228" y="2014565"/>
                  </a:cubicBezTo>
                  <a:cubicBezTo>
                    <a:pt x="866450" y="1961623"/>
                    <a:pt x="830239" y="1903918"/>
                    <a:pt x="760692" y="1853357"/>
                  </a:cubicBezTo>
                  <a:cubicBezTo>
                    <a:pt x="-96719" y="1532871"/>
                    <a:pt x="-260781" y="760506"/>
                    <a:pt x="429829" y="295733"/>
                  </a:cubicBezTo>
                  <a:cubicBezTo>
                    <a:pt x="825611" y="29375"/>
                    <a:pt x="1414011" y="-66751"/>
                    <a:pt x="1951371" y="47158"/>
                  </a:cubicBezTo>
                  <a:cubicBezTo>
                    <a:pt x="2826899" y="232753"/>
                    <a:pt x="3244736" y="892750"/>
                    <a:pt x="2830957" y="1436515"/>
                  </a:cubicBezTo>
                  <a:cubicBezTo>
                    <a:pt x="2545034" y="1812259"/>
                    <a:pt x="1931964" y="2027347"/>
                    <a:pt x="1302088" y="1972900"/>
                  </a:cubicBezTo>
                  <a:cubicBezTo>
                    <a:pt x="1246733" y="2005839"/>
                    <a:pt x="1241383" y="2031633"/>
                    <a:pt x="1152691" y="2095528"/>
                  </a:cubicBezTo>
                  <a:cubicBezTo>
                    <a:pt x="1073583" y="2161409"/>
                    <a:pt x="982570" y="2193952"/>
                    <a:pt x="872506" y="2228877"/>
                  </a:cubicBezTo>
                  <a:close/>
                </a:path>
              </a:pathLst>
            </a:custGeom>
            <a:solidFill>
              <a:srgbClr val="FFFFFF"/>
            </a:solidFill>
            <a:ln w="50800"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11" name="テキスト ボックス 10"/>
            <p:cNvSpPr txBox="1"/>
            <p:nvPr/>
          </p:nvSpPr>
          <p:spPr>
            <a:xfrm>
              <a:off x="188928" y="3263437"/>
              <a:ext cx="300421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かわいい犬の画像だ</a:t>
              </a:r>
              <a:endParaRPr lang="en-US" altLang="ja-JP" sz="24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sp>
        <p:nvSpPr>
          <p:cNvPr id="18" name="テキスト ボックス 17"/>
          <p:cNvSpPr txBox="1"/>
          <p:nvPr/>
        </p:nvSpPr>
        <p:spPr>
          <a:xfrm>
            <a:off x="6885214" y="4359909"/>
            <a:ext cx="2002972" cy="403644"/>
          </a:xfrm>
          <a:prstGeom prst="rect">
            <a:avLst/>
          </a:prstGeom>
          <a:solidFill>
            <a:srgbClr val="FFFFFF"/>
          </a:solidFill>
          <a:ln w="57150" cmpd="thickThin">
            <a:solidFill>
              <a:schemeClr val="accent6">
                <a:lumMod val="50000"/>
              </a:schemeClr>
            </a:solidFill>
          </a:ln>
        </p:spPr>
        <p:txBody>
          <a:bodyPr wrap="square" tIns="72000" rtlCol="0" anchor="ctr">
            <a:noAutofit/>
          </a:bodyPr>
          <a:lstStyle/>
          <a:p>
            <a:pPr algn="ctr"/>
            <a:r>
              <a:rPr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鳴門（なると</a:t>
            </a:r>
            <a:r>
              <a:rPr kumimoji="1"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）くん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AC23852F-87C5-38C3-E91D-92EA3CBA4EB1}"/>
              </a:ext>
            </a:extLst>
          </p:cNvPr>
          <p:cNvSpPr txBox="1"/>
          <p:nvPr/>
        </p:nvSpPr>
        <p:spPr>
          <a:xfrm>
            <a:off x="1973224" y="3068297"/>
            <a:ext cx="91143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accent2">
                    <a:lumMod val="7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が 　ぞう</a:t>
            </a:r>
          </a:p>
        </p:txBody>
      </p:sp>
      <p:sp>
        <p:nvSpPr>
          <p:cNvPr id="12" name="テキスト ボックス 11">
            <a:extLst>
              <a:ext uri="{FF2B5EF4-FFF2-40B4-BE49-F238E27FC236}">
                <a16:creationId xmlns:a16="http://schemas.microsoft.com/office/drawing/2014/main" id="{791728BB-4F05-F018-E78F-DB5277FB00B6}"/>
              </a:ext>
            </a:extLst>
          </p:cNvPr>
          <p:cNvSpPr txBox="1"/>
          <p:nvPr/>
        </p:nvSpPr>
        <p:spPr>
          <a:xfrm>
            <a:off x="5751552" y="2509805"/>
            <a:ext cx="47279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accent2">
                    <a:lumMod val="7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だれ</a:t>
            </a:r>
          </a:p>
        </p:txBody>
      </p:sp>
      <p:sp>
        <p:nvSpPr>
          <p:cNvPr id="14" name="テキスト ボックス 13">
            <a:extLst>
              <a:ext uri="{FF2B5EF4-FFF2-40B4-BE49-F238E27FC236}">
                <a16:creationId xmlns:a16="http://schemas.microsoft.com/office/drawing/2014/main" id="{F00957CA-2114-E691-D3F9-56D724C84450}"/>
              </a:ext>
            </a:extLst>
          </p:cNvPr>
          <p:cNvSpPr txBox="1"/>
          <p:nvPr/>
        </p:nvSpPr>
        <p:spPr>
          <a:xfrm>
            <a:off x="126594" y="845601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なると</a:t>
            </a:r>
          </a:p>
        </p:txBody>
      </p:sp>
      <p:sp>
        <p:nvSpPr>
          <p:cNvPr id="15" name="テキスト ボックス 14">
            <a:extLst>
              <a:ext uri="{FF2B5EF4-FFF2-40B4-BE49-F238E27FC236}">
                <a16:creationId xmlns:a16="http://schemas.microsoft.com/office/drawing/2014/main" id="{1098A517-32F1-7AA0-4B81-5810C9183F70}"/>
              </a:ext>
            </a:extLst>
          </p:cNvPr>
          <p:cNvSpPr txBox="1"/>
          <p:nvPr/>
        </p:nvSpPr>
        <p:spPr>
          <a:xfrm>
            <a:off x="131849" y="1426783"/>
            <a:ext cx="420601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ど</a:t>
            </a:r>
          </a:p>
        </p:txBody>
      </p:sp>
      <p:sp>
        <p:nvSpPr>
          <p:cNvPr id="16" name="テキスト ボックス 15">
            <a:extLst>
              <a:ext uri="{FF2B5EF4-FFF2-40B4-BE49-F238E27FC236}">
                <a16:creationId xmlns:a16="http://schemas.microsoft.com/office/drawing/2014/main" id="{89D20CC5-1D87-340B-D6B4-EC4A34247E70}"/>
              </a:ext>
            </a:extLst>
          </p:cNvPr>
          <p:cNvSpPr txBox="1"/>
          <p:nvPr/>
        </p:nvSpPr>
        <p:spPr>
          <a:xfrm>
            <a:off x="3776099" y="1426783"/>
            <a:ext cx="420601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ど</a:t>
            </a:r>
          </a:p>
        </p:txBody>
      </p:sp>
      <p:sp>
        <p:nvSpPr>
          <p:cNvPr id="17" name="テキスト ボックス 16">
            <a:extLst>
              <a:ext uri="{FF2B5EF4-FFF2-40B4-BE49-F238E27FC236}">
                <a16:creationId xmlns:a16="http://schemas.microsoft.com/office/drawing/2014/main" id="{56E00693-528C-45D3-1F6F-383EC09C6C2B}"/>
              </a:ext>
            </a:extLst>
          </p:cNvPr>
          <p:cNvSpPr txBox="1"/>
          <p:nvPr/>
        </p:nvSpPr>
        <p:spPr>
          <a:xfrm>
            <a:off x="4726940" y="1426783"/>
            <a:ext cx="8890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が 　ぞう</a:t>
            </a:r>
          </a:p>
        </p:txBody>
      </p:sp>
      <p:sp>
        <p:nvSpPr>
          <p:cNvPr id="19" name="テキスト ボックス 18">
            <a:extLst>
              <a:ext uri="{FF2B5EF4-FFF2-40B4-BE49-F238E27FC236}">
                <a16:creationId xmlns:a16="http://schemas.microsoft.com/office/drawing/2014/main" id="{48FD0BDC-59F5-68C8-D01E-11EABA3E421F}"/>
              </a:ext>
            </a:extLst>
          </p:cNvPr>
          <p:cNvSpPr txBox="1"/>
          <p:nvPr/>
        </p:nvSpPr>
        <p:spPr>
          <a:xfrm>
            <a:off x="7658099" y="1426783"/>
            <a:ext cx="560301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こころ</a:t>
            </a:r>
          </a:p>
        </p:txBody>
      </p:sp>
      <p:sp>
        <p:nvSpPr>
          <p:cNvPr id="20" name="正方形/長方形 19">
            <a:extLst>
              <a:ext uri="{FF2B5EF4-FFF2-40B4-BE49-F238E27FC236}">
                <a16:creationId xmlns:a16="http://schemas.microsoft.com/office/drawing/2014/main" id="{182F3B51-A44F-7351-5A3E-EEC8A50080E4}"/>
              </a:ext>
            </a:extLst>
          </p:cNvPr>
          <p:cNvSpPr/>
          <p:nvPr/>
        </p:nvSpPr>
        <p:spPr>
          <a:xfrm rot="20700000">
            <a:off x="2973541" y="4004136"/>
            <a:ext cx="1549470" cy="362821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1" name="テキスト ボックス 20">
            <a:extLst>
              <a:ext uri="{FF2B5EF4-FFF2-40B4-BE49-F238E27FC236}">
                <a16:creationId xmlns:a16="http://schemas.microsoft.com/office/drawing/2014/main" id="{237B69C2-3C7F-AAB6-887A-C7F15C9186EC}"/>
              </a:ext>
            </a:extLst>
          </p:cNvPr>
          <p:cNvSpPr txBox="1"/>
          <p:nvPr/>
        </p:nvSpPr>
        <p:spPr>
          <a:xfrm rot="20700000">
            <a:off x="2923670" y="4103920"/>
            <a:ext cx="184126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600" spc="-120" dirty="0"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写真おくります！</a:t>
            </a:r>
          </a:p>
        </p:txBody>
      </p:sp>
      <p:sp>
        <p:nvSpPr>
          <p:cNvPr id="22" name="テキスト ボックス 21">
            <a:extLst>
              <a:ext uri="{FF2B5EF4-FFF2-40B4-BE49-F238E27FC236}">
                <a16:creationId xmlns:a16="http://schemas.microsoft.com/office/drawing/2014/main" id="{ABB219EA-99AC-ED99-52DB-A3F91626DF8E}"/>
              </a:ext>
            </a:extLst>
          </p:cNvPr>
          <p:cNvSpPr txBox="1"/>
          <p:nvPr/>
        </p:nvSpPr>
        <p:spPr>
          <a:xfrm rot="20681201">
            <a:off x="2934038" y="4089102"/>
            <a:ext cx="660951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100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しん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AC71C27D-28C0-3497-5418-7D8B74FF377C}"/>
              </a:ext>
            </a:extLst>
          </p:cNvPr>
          <p:cNvSpPr txBox="1"/>
          <p:nvPr/>
        </p:nvSpPr>
        <p:spPr>
          <a:xfrm>
            <a:off x="2047918" y="39662"/>
            <a:ext cx="90864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せん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414862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1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図 13">
            <a:extLst>
              <a:ext uri="{FF2B5EF4-FFF2-40B4-BE49-F238E27FC236}">
                <a16:creationId xmlns:a16="http://schemas.microsoft.com/office/drawing/2014/main" id="{7A3AE8E5-F009-6FB5-4456-F4D68073E39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4223" y="1674201"/>
            <a:ext cx="7642724" cy="5197051"/>
          </a:xfrm>
          <a:prstGeom prst="rect">
            <a:avLst/>
          </a:prstGeom>
        </p:spPr>
      </p:pic>
      <p:grpSp>
        <p:nvGrpSpPr>
          <p:cNvPr id="4" name="グループ化 3"/>
          <p:cNvGrpSpPr/>
          <p:nvPr/>
        </p:nvGrpSpPr>
        <p:grpSpPr>
          <a:xfrm>
            <a:off x="5269464" y="4884543"/>
            <a:ext cx="3496261" cy="1840495"/>
            <a:chOff x="5269464" y="4884543"/>
            <a:chExt cx="3496261" cy="1840495"/>
          </a:xfrm>
        </p:grpSpPr>
        <p:sp>
          <p:nvSpPr>
            <p:cNvPr id="106" name="雲 31"/>
            <p:cNvSpPr/>
            <p:nvPr/>
          </p:nvSpPr>
          <p:spPr>
            <a:xfrm rot="5178419">
              <a:off x="6074861" y="4079146"/>
              <a:ext cx="1840495" cy="3451290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12 w 43256"/>
                <a:gd name="connsiteY13" fmla="*/ 35606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982 w 43256"/>
                <a:gd name="connsiteY14" fmla="*/ 35098 h 43219"/>
                <a:gd name="connsiteX15" fmla="*/ 35606 w 43256"/>
                <a:gd name="connsiteY15" fmla="*/ 35594 h 43219"/>
                <a:gd name="connsiteX16" fmla="*/ 35118 w 43256"/>
                <a:gd name="connsiteY16" fmla="*/ 36183 h 43219"/>
                <a:gd name="connsiteX17" fmla="*/ 28591 w 43256"/>
                <a:gd name="connsiteY17" fmla="*/ 36674 h 43219"/>
                <a:gd name="connsiteX18" fmla="*/ 23703 w 43256"/>
                <a:gd name="connsiteY18" fmla="*/ 42965 h 43219"/>
                <a:gd name="connsiteX19" fmla="*/ 16516 w 43256"/>
                <a:gd name="connsiteY19" fmla="*/ 39125 h 43219"/>
                <a:gd name="connsiteX20" fmla="*/ 5840 w 43256"/>
                <a:gd name="connsiteY20" fmla="*/ 35331 h 43219"/>
                <a:gd name="connsiteX21" fmla="*/ 1146 w 43256"/>
                <a:gd name="connsiteY21" fmla="*/ 31109 h 43219"/>
                <a:gd name="connsiteX22" fmla="*/ 2149 w 43256"/>
                <a:gd name="connsiteY22" fmla="*/ 25410 h 43219"/>
                <a:gd name="connsiteX23" fmla="*/ 31 w 43256"/>
                <a:gd name="connsiteY23" fmla="*/ 19563 h 43219"/>
                <a:gd name="connsiteX24" fmla="*/ 3899 w 43256"/>
                <a:gd name="connsiteY24" fmla="*/ 14366 h 43219"/>
                <a:gd name="connsiteX25" fmla="*/ 3936 w 43256"/>
                <a:gd name="connsiteY25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118 w 43256"/>
                <a:gd name="connsiteY14" fmla="*/ 36183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175 w 43367"/>
                <a:gd name="connsiteY12" fmla="*/ 39794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446"/>
                <a:gd name="connsiteY0" fmla="*/ 14229 h 43219"/>
                <a:gd name="connsiteX1" fmla="*/ 5659 w 43446"/>
                <a:gd name="connsiteY1" fmla="*/ 6766 h 43219"/>
                <a:gd name="connsiteX2" fmla="*/ 14041 w 43446"/>
                <a:gd name="connsiteY2" fmla="*/ 5061 h 43219"/>
                <a:gd name="connsiteX3" fmla="*/ 22492 w 43446"/>
                <a:gd name="connsiteY3" fmla="*/ 3291 h 43219"/>
                <a:gd name="connsiteX4" fmla="*/ 25785 w 43446"/>
                <a:gd name="connsiteY4" fmla="*/ 59 h 43219"/>
                <a:gd name="connsiteX5" fmla="*/ 29869 w 43446"/>
                <a:gd name="connsiteY5" fmla="*/ 2340 h 43219"/>
                <a:gd name="connsiteX6" fmla="*/ 35499 w 43446"/>
                <a:gd name="connsiteY6" fmla="*/ 549 h 43219"/>
                <a:gd name="connsiteX7" fmla="*/ 38354 w 43446"/>
                <a:gd name="connsiteY7" fmla="*/ 5435 h 43219"/>
                <a:gd name="connsiteX8" fmla="*/ 42018 w 43446"/>
                <a:gd name="connsiteY8" fmla="*/ 10177 h 43219"/>
                <a:gd name="connsiteX9" fmla="*/ 41854 w 43446"/>
                <a:gd name="connsiteY9" fmla="*/ 15319 h 43219"/>
                <a:gd name="connsiteX10" fmla="*/ 43052 w 43446"/>
                <a:gd name="connsiteY10" fmla="*/ 23181 h 43219"/>
                <a:gd name="connsiteX11" fmla="*/ 37286 w 43446"/>
                <a:gd name="connsiteY11" fmla="*/ 30591 h 43219"/>
                <a:gd name="connsiteX12" fmla="*/ 43446 w 43446"/>
                <a:gd name="connsiteY12" fmla="*/ 40687 h 43219"/>
                <a:gd name="connsiteX13" fmla="*/ 34840 w 43446"/>
                <a:gd name="connsiteY13" fmla="*/ 35172 h 43219"/>
                <a:gd name="connsiteX14" fmla="*/ 28591 w 43446"/>
                <a:gd name="connsiteY14" fmla="*/ 36674 h 43219"/>
                <a:gd name="connsiteX15" fmla="*/ 23703 w 43446"/>
                <a:gd name="connsiteY15" fmla="*/ 42965 h 43219"/>
                <a:gd name="connsiteX16" fmla="*/ 16516 w 43446"/>
                <a:gd name="connsiteY16" fmla="*/ 39125 h 43219"/>
                <a:gd name="connsiteX17" fmla="*/ 5840 w 43446"/>
                <a:gd name="connsiteY17" fmla="*/ 35331 h 43219"/>
                <a:gd name="connsiteX18" fmla="*/ 1146 w 43446"/>
                <a:gd name="connsiteY18" fmla="*/ 31109 h 43219"/>
                <a:gd name="connsiteX19" fmla="*/ 2149 w 43446"/>
                <a:gd name="connsiteY19" fmla="*/ 25410 h 43219"/>
                <a:gd name="connsiteX20" fmla="*/ 31 w 43446"/>
                <a:gd name="connsiteY20" fmla="*/ 19563 h 43219"/>
                <a:gd name="connsiteX21" fmla="*/ 3899 w 43446"/>
                <a:gd name="connsiteY21" fmla="*/ 14366 h 43219"/>
                <a:gd name="connsiteX22" fmla="*/ 3936 w 43446"/>
                <a:gd name="connsiteY22" fmla="*/ 14229 h 43219"/>
                <a:gd name="connsiteX0" fmla="*/ 28619 w 43446"/>
                <a:gd name="connsiteY0" fmla="*/ 36455 h 43219"/>
                <a:gd name="connsiteX1" fmla="*/ 28596 w 43446"/>
                <a:gd name="connsiteY1" fmla="*/ 36519 h 43219"/>
                <a:gd name="connsiteX0" fmla="*/ 3936 w 43446"/>
                <a:gd name="connsiteY0" fmla="*/ 14229 h 43219"/>
                <a:gd name="connsiteX1" fmla="*/ 5659 w 43446"/>
                <a:gd name="connsiteY1" fmla="*/ 6766 h 43219"/>
                <a:gd name="connsiteX2" fmla="*/ 14041 w 43446"/>
                <a:gd name="connsiteY2" fmla="*/ 5061 h 43219"/>
                <a:gd name="connsiteX3" fmla="*/ 22492 w 43446"/>
                <a:gd name="connsiteY3" fmla="*/ 3291 h 43219"/>
                <a:gd name="connsiteX4" fmla="*/ 25785 w 43446"/>
                <a:gd name="connsiteY4" fmla="*/ 59 h 43219"/>
                <a:gd name="connsiteX5" fmla="*/ 29869 w 43446"/>
                <a:gd name="connsiteY5" fmla="*/ 2340 h 43219"/>
                <a:gd name="connsiteX6" fmla="*/ 35499 w 43446"/>
                <a:gd name="connsiteY6" fmla="*/ 549 h 43219"/>
                <a:gd name="connsiteX7" fmla="*/ 38354 w 43446"/>
                <a:gd name="connsiteY7" fmla="*/ 5435 h 43219"/>
                <a:gd name="connsiteX8" fmla="*/ 42018 w 43446"/>
                <a:gd name="connsiteY8" fmla="*/ 10177 h 43219"/>
                <a:gd name="connsiteX9" fmla="*/ 41854 w 43446"/>
                <a:gd name="connsiteY9" fmla="*/ 15319 h 43219"/>
                <a:gd name="connsiteX10" fmla="*/ 43052 w 43446"/>
                <a:gd name="connsiteY10" fmla="*/ 23181 h 43219"/>
                <a:gd name="connsiteX11" fmla="*/ 37286 w 43446"/>
                <a:gd name="connsiteY11" fmla="*/ 30591 h 43219"/>
                <a:gd name="connsiteX12" fmla="*/ 43446 w 43446"/>
                <a:gd name="connsiteY12" fmla="*/ 40687 h 43219"/>
                <a:gd name="connsiteX13" fmla="*/ 34840 w 43446"/>
                <a:gd name="connsiteY13" fmla="*/ 35172 h 43219"/>
                <a:gd name="connsiteX14" fmla="*/ 28591 w 43446"/>
                <a:gd name="connsiteY14" fmla="*/ 36674 h 43219"/>
                <a:gd name="connsiteX15" fmla="*/ 23703 w 43446"/>
                <a:gd name="connsiteY15" fmla="*/ 42965 h 43219"/>
                <a:gd name="connsiteX16" fmla="*/ 16516 w 43446"/>
                <a:gd name="connsiteY16" fmla="*/ 39125 h 43219"/>
                <a:gd name="connsiteX17" fmla="*/ 5840 w 43446"/>
                <a:gd name="connsiteY17" fmla="*/ 35331 h 43219"/>
                <a:gd name="connsiteX18" fmla="*/ 1146 w 43446"/>
                <a:gd name="connsiteY18" fmla="*/ 31109 h 43219"/>
                <a:gd name="connsiteX19" fmla="*/ 2149 w 43446"/>
                <a:gd name="connsiteY19" fmla="*/ 25410 h 43219"/>
                <a:gd name="connsiteX20" fmla="*/ 31 w 43446"/>
                <a:gd name="connsiteY20" fmla="*/ 19563 h 43219"/>
                <a:gd name="connsiteX21" fmla="*/ 3899 w 43446"/>
                <a:gd name="connsiteY21" fmla="*/ 14366 h 43219"/>
                <a:gd name="connsiteX22" fmla="*/ 3936 w 43446"/>
                <a:gd name="connsiteY22" fmla="*/ 14229 h 43219"/>
                <a:gd name="connsiteX0" fmla="*/ 28619 w 43446"/>
                <a:gd name="connsiteY0" fmla="*/ 36455 h 43219"/>
                <a:gd name="connsiteX1" fmla="*/ 28596 w 43446"/>
                <a:gd name="connsiteY1" fmla="*/ 36519 h 43219"/>
                <a:gd name="connsiteX0" fmla="*/ 3936 w 43367"/>
                <a:gd name="connsiteY0" fmla="*/ 14229 h 43888"/>
                <a:gd name="connsiteX1" fmla="*/ 5659 w 43367"/>
                <a:gd name="connsiteY1" fmla="*/ 6766 h 43888"/>
                <a:gd name="connsiteX2" fmla="*/ 14041 w 43367"/>
                <a:gd name="connsiteY2" fmla="*/ 5061 h 43888"/>
                <a:gd name="connsiteX3" fmla="*/ 22492 w 43367"/>
                <a:gd name="connsiteY3" fmla="*/ 3291 h 43888"/>
                <a:gd name="connsiteX4" fmla="*/ 25785 w 43367"/>
                <a:gd name="connsiteY4" fmla="*/ 59 h 43888"/>
                <a:gd name="connsiteX5" fmla="*/ 29869 w 43367"/>
                <a:gd name="connsiteY5" fmla="*/ 2340 h 43888"/>
                <a:gd name="connsiteX6" fmla="*/ 35499 w 43367"/>
                <a:gd name="connsiteY6" fmla="*/ 549 h 43888"/>
                <a:gd name="connsiteX7" fmla="*/ 38354 w 43367"/>
                <a:gd name="connsiteY7" fmla="*/ 5435 h 43888"/>
                <a:gd name="connsiteX8" fmla="*/ 42018 w 43367"/>
                <a:gd name="connsiteY8" fmla="*/ 10177 h 43888"/>
                <a:gd name="connsiteX9" fmla="*/ 41854 w 43367"/>
                <a:gd name="connsiteY9" fmla="*/ 15319 h 43888"/>
                <a:gd name="connsiteX10" fmla="*/ 43052 w 43367"/>
                <a:gd name="connsiteY10" fmla="*/ 23181 h 43888"/>
                <a:gd name="connsiteX11" fmla="*/ 37286 w 43367"/>
                <a:gd name="connsiteY11" fmla="*/ 30591 h 43888"/>
                <a:gd name="connsiteX12" fmla="*/ 37570 w 43367"/>
                <a:gd name="connsiteY12" fmla="*/ 43888 h 43888"/>
                <a:gd name="connsiteX13" fmla="*/ 34840 w 43367"/>
                <a:gd name="connsiteY13" fmla="*/ 35172 h 43888"/>
                <a:gd name="connsiteX14" fmla="*/ 28591 w 43367"/>
                <a:gd name="connsiteY14" fmla="*/ 36674 h 43888"/>
                <a:gd name="connsiteX15" fmla="*/ 23703 w 43367"/>
                <a:gd name="connsiteY15" fmla="*/ 42965 h 43888"/>
                <a:gd name="connsiteX16" fmla="*/ 16516 w 43367"/>
                <a:gd name="connsiteY16" fmla="*/ 39125 h 43888"/>
                <a:gd name="connsiteX17" fmla="*/ 5840 w 43367"/>
                <a:gd name="connsiteY17" fmla="*/ 35331 h 43888"/>
                <a:gd name="connsiteX18" fmla="*/ 1146 w 43367"/>
                <a:gd name="connsiteY18" fmla="*/ 31109 h 43888"/>
                <a:gd name="connsiteX19" fmla="*/ 2149 w 43367"/>
                <a:gd name="connsiteY19" fmla="*/ 25410 h 43888"/>
                <a:gd name="connsiteX20" fmla="*/ 31 w 43367"/>
                <a:gd name="connsiteY20" fmla="*/ 19563 h 43888"/>
                <a:gd name="connsiteX21" fmla="*/ 3899 w 43367"/>
                <a:gd name="connsiteY21" fmla="*/ 14366 h 43888"/>
                <a:gd name="connsiteX22" fmla="*/ 3936 w 43367"/>
                <a:gd name="connsiteY22" fmla="*/ 14229 h 43888"/>
                <a:gd name="connsiteX0" fmla="*/ 28619 w 43367"/>
                <a:gd name="connsiteY0" fmla="*/ 36455 h 43888"/>
                <a:gd name="connsiteX1" fmla="*/ 28596 w 43367"/>
                <a:gd name="connsiteY1" fmla="*/ 36519 h 43888"/>
                <a:gd name="connsiteX0" fmla="*/ 3936 w 43367"/>
                <a:gd name="connsiteY0" fmla="*/ 14229 h 43888"/>
                <a:gd name="connsiteX1" fmla="*/ 5659 w 43367"/>
                <a:gd name="connsiteY1" fmla="*/ 6766 h 43888"/>
                <a:gd name="connsiteX2" fmla="*/ 14041 w 43367"/>
                <a:gd name="connsiteY2" fmla="*/ 5061 h 43888"/>
                <a:gd name="connsiteX3" fmla="*/ 22492 w 43367"/>
                <a:gd name="connsiteY3" fmla="*/ 3291 h 43888"/>
                <a:gd name="connsiteX4" fmla="*/ 25785 w 43367"/>
                <a:gd name="connsiteY4" fmla="*/ 59 h 43888"/>
                <a:gd name="connsiteX5" fmla="*/ 29869 w 43367"/>
                <a:gd name="connsiteY5" fmla="*/ 2340 h 43888"/>
                <a:gd name="connsiteX6" fmla="*/ 35499 w 43367"/>
                <a:gd name="connsiteY6" fmla="*/ 549 h 43888"/>
                <a:gd name="connsiteX7" fmla="*/ 38354 w 43367"/>
                <a:gd name="connsiteY7" fmla="*/ 5435 h 43888"/>
                <a:gd name="connsiteX8" fmla="*/ 42018 w 43367"/>
                <a:gd name="connsiteY8" fmla="*/ 10177 h 43888"/>
                <a:gd name="connsiteX9" fmla="*/ 41854 w 43367"/>
                <a:gd name="connsiteY9" fmla="*/ 15319 h 43888"/>
                <a:gd name="connsiteX10" fmla="*/ 43052 w 43367"/>
                <a:gd name="connsiteY10" fmla="*/ 23181 h 43888"/>
                <a:gd name="connsiteX11" fmla="*/ 37286 w 43367"/>
                <a:gd name="connsiteY11" fmla="*/ 30591 h 43888"/>
                <a:gd name="connsiteX12" fmla="*/ 37570 w 43367"/>
                <a:gd name="connsiteY12" fmla="*/ 43888 h 43888"/>
                <a:gd name="connsiteX13" fmla="*/ 34840 w 43367"/>
                <a:gd name="connsiteY13" fmla="*/ 35172 h 43888"/>
                <a:gd name="connsiteX14" fmla="*/ 28591 w 43367"/>
                <a:gd name="connsiteY14" fmla="*/ 36674 h 43888"/>
                <a:gd name="connsiteX15" fmla="*/ 23703 w 43367"/>
                <a:gd name="connsiteY15" fmla="*/ 42965 h 43888"/>
                <a:gd name="connsiteX16" fmla="*/ 16516 w 43367"/>
                <a:gd name="connsiteY16" fmla="*/ 39125 h 43888"/>
                <a:gd name="connsiteX17" fmla="*/ 5840 w 43367"/>
                <a:gd name="connsiteY17" fmla="*/ 35331 h 43888"/>
                <a:gd name="connsiteX18" fmla="*/ 1146 w 43367"/>
                <a:gd name="connsiteY18" fmla="*/ 31109 h 43888"/>
                <a:gd name="connsiteX19" fmla="*/ 2149 w 43367"/>
                <a:gd name="connsiteY19" fmla="*/ 25410 h 43888"/>
                <a:gd name="connsiteX20" fmla="*/ 31 w 43367"/>
                <a:gd name="connsiteY20" fmla="*/ 19563 h 43888"/>
                <a:gd name="connsiteX21" fmla="*/ 3899 w 43367"/>
                <a:gd name="connsiteY21" fmla="*/ 14366 h 43888"/>
                <a:gd name="connsiteX22" fmla="*/ 3936 w 43367"/>
                <a:gd name="connsiteY22" fmla="*/ 14229 h 43888"/>
                <a:gd name="connsiteX0" fmla="*/ 28619 w 43367"/>
                <a:gd name="connsiteY0" fmla="*/ 36455 h 43888"/>
                <a:gd name="connsiteX1" fmla="*/ 28596 w 43367"/>
                <a:gd name="connsiteY1" fmla="*/ 36519 h 43888"/>
                <a:gd name="connsiteX0" fmla="*/ 3936 w 43367"/>
                <a:gd name="connsiteY0" fmla="*/ 14229 h 43888"/>
                <a:gd name="connsiteX1" fmla="*/ 5659 w 43367"/>
                <a:gd name="connsiteY1" fmla="*/ 6766 h 43888"/>
                <a:gd name="connsiteX2" fmla="*/ 14041 w 43367"/>
                <a:gd name="connsiteY2" fmla="*/ 5061 h 43888"/>
                <a:gd name="connsiteX3" fmla="*/ 22492 w 43367"/>
                <a:gd name="connsiteY3" fmla="*/ 3291 h 43888"/>
                <a:gd name="connsiteX4" fmla="*/ 25785 w 43367"/>
                <a:gd name="connsiteY4" fmla="*/ 59 h 43888"/>
                <a:gd name="connsiteX5" fmla="*/ 29869 w 43367"/>
                <a:gd name="connsiteY5" fmla="*/ 2340 h 43888"/>
                <a:gd name="connsiteX6" fmla="*/ 35499 w 43367"/>
                <a:gd name="connsiteY6" fmla="*/ 549 h 43888"/>
                <a:gd name="connsiteX7" fmla="*/ 38354 w 43367"/>
                <a:gd name="connsiteY7" fmla="*/ 5435 h 43888"/>
                <a:gd name="connsiteX8" fmla="*/ 42018 w 43367"/>
                <a:gd name="connsiteY8" fmla="*/ 10177 h 43888"/>
                <a:gd name="connsiteX9" fmla="*/ 41854 w 43367"/>
                <a:gd name="connsiteY9" fmla="*/ 15319 h 43888"/>
                <a:gd name="connsiteX10" fmla="*/ 43052 w 43367"/>
                <a:gd name="connsiteY10" fmla="*/ 23181 h 43888"/>
                <a:gd name="connsiteX11" fmla="*/ 37286 w 43367"/>
                <a:gd name="connsiteY11" fmla="*/ 30591 h 43888"/>
                <a:gd name="connsiteX12" fmla="*/ 37570 w 43367"/>
                <a:gd name="connsiteY12" fmla="*/ 43888 h 43888"/>
                <a:gd name="connsiteX13" fmla="*/ 34840 w 43367"/>
                <a:gd name="connsiteY13" fmla="*/ 35172 h 43888"/>
                <a:gd name="connsiteX14" fmla="*/ 28591 w 43367"/>
                <a:gd name="connsiteY14" fmla="*/ 36674 h 43888"/>
                <a:gd name="connsiteX15" fmla="*/ 23703 w 43367"/>
                <a:gd name="connsiteY15" fmla="*/ 42965 h 43888"/>
                <a:gd name="connsiteX16" fmla="*/ 16516 w 43367"/>
                <a:gd name="connsiteY16" fmla="*/ 39125 h 43888"/>
                <a:gd name="connsiteX17" fmla="*/ 5840 w 43367"/>
                <a:gd name="connsiteY17" fmla="*/ 35331 h 43888"/>
                <a:gd name="connsiteX18" fmla="*/ 1146 w 43367"/>
                <a:gd name="connsiteY18" fmla="*/ 31109 h 43888"/>
                <a:gd name="connsiteX19" fmla="*/ 2149 w 43367"/>
                <a:gd name="connsiteY19" fmla="*/ 25410 h 43888"/>
                <a:gd name="connsiteX20" fmla="*/ 31 w 43367"/>
                <a:gd name="connsiteY20" fmla="*/ 19563 h 43888"/>
                <a:gd name="connsiteX21" fmla="*/ 3899 w 43367"/>
                <a:gd name="connsiteY21" fmla="*/ 14366 h 43888"/>
                <a:gd name="connsiteX22" fmla="*/ 3936 w 43367"/>
                <a:gd name="connsiteY22" fmla="*/ 14229 h 43888"/>
                <a:gd name="connsiteX0" fmla="*/ 28619 w 43367"/>
                <a:gd name="connsiteY0" fmla="*/ 36455 h 43888"/>
                <a:gd name="connsiteX1" fmla="*/ 28596 w 43367"/>
                <a:gd name="connsiteY1" fmla="*/ 36519 h 43888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36183 w 43367"/>
                <a:gd name="connsiteY12" fmla="*/ 41947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3367"/>
                <a:gd name="connsiteY0" fmla="*/ 14229 h 47824"/>
                <a:gd name="connsiteX1" fmla="*/ 5659 w 43367"/>
                <a:gd name="connsiteY1" fmla="*/ 6766 h 47824"/>
                <a:gd name="connsiteX2" fmla="*/ 14041 w 43367"/>
                <a:gd name="connsiteY2" fmla="*/ 5061 h 47824"/>
                <a:gd name="connsiteX3" fmla="*/ 22492 w 43367"/>
                <a:gd name="connsiteY3" fmla="*/ 3291 h 47824"/>
                <a:gd name="connsiteX4" fmla="*/ 25785 w 43367"/>
                <a:gd name="connsiteY4" fmla="*/ 59 h 47824"/>
                <a:gd name="connsiteX5" fmla="*/ 29869 w 43367"/>
                <a:gd name="connsiteY5" fmla="*/ 2340 h 47824"/>
                <a:gd name="connsiteX6" fmla="*/ 35499 w 43367"/>
                <a:gd name="connsiteY6" fmla="*/ 549 h 47824"/>
                <a:gd name="connsiteX7" fmla="*/ 38354 w 43367"/>
                <a:gd name="connsiteY7" fmla="*/ 5435 h 47824"/>
                <a:gd name="connsiteX8" fmla="*/ 42018 w 43367"/>
                <a:gd name="connsiteY8" fmla="*/ 10177 h 47824"/>
                <a:gd name="connsiteX9" fmla="*/ 41854 w 43367"/>
                <a:gd name="connsiteY9" fmla="*/ 15319 h 47824"/>
                <a:gd name="connsiteX10" fmla="*/ 43052 w 43367"/>
                <a:gd name="connsiteY10" fmla="*/ 23181 h 47824"/>
                <a:gd name="connsiteX11" fmla="*/ 37286 w 43367"/>
                <a:gd name="connsiteY11" fmla="*/ 30591 h 47824"/>
                <a:gd name="connsiteX12" fmla="*/ 35257 w 43367"/>
                <a:gd name="connsiteY12" fmla="*/ 47824 h 47824"/>
                <a:gd name="connsiteX13" fmla="*/ 34840 w 43367"/>
                <a:gd name="connsiteY13" fmla="*/ 35172 h 47824"/>
                <a:gd name="connsiteX14" fmla="*/ 28591 w 43367"/>
                <a:gd name="connsiteY14" fmla="*/ 36674 h 47824"/>
                <a:gd name="connsiteX15" fmla="*/ 23703 w 43367"/>
                <a:gd name="connsiteY15" fmla="*/ 42965 h 47824"/>
                <a:gd name="connsiteX16" fmla="*/ 16516 w 43367"/>
                <a:gd name="connsiteY16" fmla="*/ 39125 h 47824"/>
                <a:gd name="connsiteX17" fmla="*/ 5840 w 43367"/>
                <a:gd name="connsiteY17" fmla="*/ 35331 h 47824"/>
                <a:gd name="connsiteX18" fmla="*/ 1146 w 43367"/>
                <a:gd name="connsiteY18" fmla="*/ 31109 h 47824"/>
                <a:gd name="connsiteX19" fmla="*/ 2149 w 43367"/>
                <a:gd name="connsiteY19" fmla="*/ 25410 h 47824"/>
                <a:gd name="connsiteX20" fmla="*/ 31 w 43367"/>
                <a:gd name="connsiteY20" fmla="*/ 19563 h 47824"/>
                <a:gd name="connsiteX21" fmla="*/ 3899 w 43367"/>
                <a:gd name="connsiteY21" fmla="*/ 14366 h 47824"/>
                <a:gd name="connsiteX22" fmla="*/ 3936 w 43367"/>
                <a:gd name="connsiteY22" fmla="*/ 14229 h 47824"/>
                <a:gd name="connsiteX0" fmla="*/ 28619 w 43367"/>
                <a:gd name="connsiteY0" fmla="*/ 36455 h 47824"/>
                <a:gd name="connsiteX1" fmla="*/ 28596 w 43367"/>
                <a:gd name="connsiteY1" fmla="*/ 36519 h 47824"/>
                <a:gd name="connsiteX0" fmla="*/ 3936 w 48181"/>
                <a:gd name="connsiteY0" fmla="*/ 14229 h 43219"/>
                <a:gd name="connsiteX1" fmla="*/ 5659 w 48181"/>
                <a:gd name="connsiteY1" fmla="*/ 6766 h 43219"/>
                <a:gd name="connsiteX2" fmla="*/ 14041 w 48181"/>
                <a:gd name="connsiteY2" fmla="*/ 5061 h 43219"/>
                <a:gd name="connsiteX3" fmla="*/ 22492 w 48181"/>
                <a:gd name="connsiteY3" fmla="*/ 3291 h 43219"/>
                <a:gd name="connsiteX4" fmla="*/ 25785 w 48181"/>
                <a:gd name="connsiteY4" fmla="*/ 59 h 43219"/>
                <a:gd name="connsiteX5" fmla="*/ 29869 w 48181"/>
                <a:gd name="connsiteY5" fmla="*/ 2340 h 43219"/>
                <a:gd name="connsiteX6" fmla="*/ 35499 w 48181"/>
                <a:gd name="connsiteY6" fmla="*/ 549 h 43219"/>
                <a:gd name="connsiteX7" fmla="*/ 38354 w 48181"/>
                <a:gd name="connsiteY7" fmla="*/ 5435 h 43219"/>
                <a:gd name="connsiteX8" fmla="*/ 42018 w 48181"/>
                <a:gd name="connsiteY8" fmla="*/ 10177 h 43219"/>
                <a:gd name="connsiteX9" fmla="*/ 41854 w 48181"/>
                <a:gd name="connsiteY9" fmla="*/ 15319 h 43219"/>
                <a:gd name="connsiteX10" fmla="*/ 43052 w 48181"/>
                <a:gd name="connsiteY10" fmla="*/ 23181 h 43219"/>
                <a:gd name="connsiteX11" fmla="*/ 37286 w 48181"/>
                <a:gd name="connsiteY11" fmla="*/ 30591 h 43219"/>
                <a:gd name="connsiteX12" fmla="*/ 45306 w 48181"/>
                <a:gd name="connsiteY12" fmla="*/ 37718 h 43219"/>
                <a:gd name="connsiteX13" fmla="*/ 34840 w 48181"/>
                <a:gd name="connsiteY13" fmla="*/ 35172 h 43219"/>
                <a:gd name="connsiteX14" fmla="*/ 28591 w 48181"/>
                <a:gd name="connsiteY14" fmla="*/ 36674 h 43219"/>
                <a:gd name="connsiteX15" fmla="*/ 23703 w 48181"/>
                <a:gd name="connsiteY15" fmla="*/ 42965 h 43219"/>
                <a:gd name="connsiteX16" fmla="*/ 16516 w 48181"/>
                <a:gd name="connsiteY16" fmla="*/ 39125 h 43219"/>
                <a:gd name="connsiteX17" fmla="*/ 5840 w 48181"/>
                <a:gd name="connsiteY17" fmla="*/ 35331 h 43219"/>
                <a:gd name="connsiteX18" fmla="*/ 1146 w 48181"/>
                <a:gd name="connsiteY18" fmla="*/ 31109 h 43219"/>
                <a:gd name="connsiteX19" fmla="*/ 2149 w 48181"/>
                <a:gd name="connsiteY19" fmla="*/ 25410 h 43219"/>
                <a:gd name="connsiteX20" fmla="*/ 31 w 48181"/>
                <a:gd name="connsiteY20" fmla="*/ 19563 h 43219"/>
                <a:gd name="connsiteX21" fmla="*/ 3899 w 48181"/>
                <a:gd name="connsiteY21" fmla="*/ 14366 h 43219"/>
                <a:gd name="connsiteX22" fmla="*/ 3936 w 48181"/>
                <a:gd name="connsiteY22" fmla="*/ 14229 h 43219"/>
                <a:gd name="connsiteX0" fmla="*/ 28619 w 48181"/>
                <a:gd name="connsiteY0" fmla="*/ 36455 h 43219"/>
                <a:gd name="connsiteX1" fmla="*/ 28596 w 48181"/>
                <a:gd name="connsiteY1" fmla="*/ 36519 h 43219"/>
                <a:gd name="connsiteX0" fmla="*/ 3936 w 48181"/>
                <a:gd name="connsiteY0" fmla="*/ 14229 h 43219"/>
                <a:gd name="connsiteX1" fmla="*/ 5659 w 48181"/>
                <a:gd name="connsiteY1" fmla="*/ 6766 h 43219"/>
                <a:gd name="connsiteX2" fmla="*/ 14041 w 48181"/>
                <a:gd name="connsiteY2" fmla="*/ 5061 h 43219"/>
                <a:gd name="connsiteX3" fmla="*/ 22492 w 48181"/>
                <a:gd name="connsiteY3" fmla="*/ 3291 h 43219"/>
                <a:gd name="connsiteX4" fmla="*/ 25785 w 48181"/>
                <a:gd name="connsiteY4" fmla="*/ 59 h 43219"/>
                <a:gd name="connsiteX5" fmla="*/ 29869 w 48181"/>
                <a:gd name="connsiteY5" fmla="*/ 2340 h 43219"/>
                <a:gd name="connsiteX6" fmla="*/ 35499 w 48181"/>
                <a:gd name="connsiteY6" fmla="*/ 549 h 43219"/>
                <a:gd name="connsiteX7" fmla="*/ 38354 w 48181"/>
                <a:gd name="connsiteY7" fmla="*/ 5435 h 43219"/>
                <a:gd name="connsiteX8" fmla="*/ 42018 w 48181"/>
                <a:gd name="connsiteY8" fmla="*/ 10177 h 43219"/>
                <a:gd name="connsiteX9" fmla="*/ 41854 w 48181"/>
                <a:gd name="connsiteY9" fmla="*/ 15319 h 43219"/>
                <a:gd name="connsiteX10" fmla="*/ 43052 w 48181"/>
                <a:gd name="connsiteY10" fmla="*/ 23181 h 43219"/>
                <a:gd name="connsiteX11" fmla="*/ 37286 w 48181"/>
                <a:gd name="connsiteY11" fmla="*/ 30591 h 43219"/>
                <a:gd name="connsiteX12" fmla="*/ 45306 w 48181"/>
                <a:gd name="connsiteY12" fmla="*/ 37718 h 43219"/>
                <a:gd name="connsiteX13" fmla="*/ 34840 w 48181"/>
                <a:gd name="connsiteY13" fmla="*/ 35172 h 43219"/>
                <a:gd name="connsiteX14" fmla="*/ 28591 w 48181"/>
                <a:gd name="connsiteY14" fmla="*/ 36674 h 43219"/>
                <a:gd name="connsiteX15" fmla="*/ 23703 w 48181"/>
                <a:gd name="connsiteY15" fmla="*/ 42965 h 43219"/>
                <a:gd name="connsiteX16" fmla="*/ 16516 w 48181"/>
                <a:gd name="connsiteY16" fmla="*/ 39125 h 43219"/>
                <a:gd name="connsiteX17" fmla="*/ 5840 w 48181"/>
                <a:gd name="connsiteY17" fmla="*/ 35331 h 43219"/>
                <a:gd name="connsiteX18" fmla="*/ 1146 w 48181"/>
                <a:gd name="connsiteY18" fmla="*/ 31109 h 43219"/>
                <a:gd name="connsiteX19" fmla="*/ 2149 w 48181"/>
                <a:gd name="connsiteY19" fmla="*/ 25410 h 43219"/>
                <a:gd name="connsiteX20" fmla="*/ 31 w 48181"/>
                <a:gd name="connsiteY20" fmla="*/ 19563 h 43219"/>
                <a:gd name="connsiteX21" fmla="*/ 3899 w 48181"/>
                <a:gd name="connsiteY21" fmla="*/ 14366 h 43219"/>
                <a:gd name="connsiteX22" fmla="*/ 3936 w 48181"/>
                <a:gd name="connsiteY22" fmla="*/ 14229 h 43219"/>
                <a:gd name="connsiteX0" fmla="*/ 28619 w 48181"/>
                <a:gd name="connsiteY0" fmla="*/ 36455 h 43219"/>
                <a:gd name="connsiteX1" fmla="*/ 28596 w 48181"/>
                <a:gd name="connsiteY1" fmla="*/ 36519 h 43219"/>
                <a:gd name="connsiteX0" fmla="*/ 3936 w 45306"/>
                <a:gd name="connsiteY0" fmla="*/ 14229 h 43219"/>
                <a:gd name="connsiteX1" fmla="*/ 5659 w 45306"/>
                <a:gd name="connsiteY1" fmla="*/ 6766 h 43219"/>
                <a:gd name="connsiteX2" fmla="*/ 14041 w 45306"/>
                <a:gd name="connsiteY2" fmla="*/ 5061 h 43219"/>
                <a:gd name="connsiteX3" fmla="*/ 22492 w 45306"/>
                <a:gd name="connsiteY3" fmla="*/ 3291 h 43219"/>
                <a:gd name="connsiteX4" fmla="*/ 25785 w 45306"/>
                <a:gd name="connsiteY4" fmla="*/ 59 h 43219"/>
                <a:gd name="connsiteX5" fmla="*/ 29869 w 45306"/>
                <a:gd name="connsiteY5" fmla="*/ 2340 h 43219"/>
                <a:gd name="connsiteX6" fmla="*/ 35499 w 45306"/>
                <a:gd name="connsiteY6" fmla="*/ 549 h 43219"/>
                <a:gd name="connsiteX7" fmla="*/ 38354 w 45306"/>
                <a:gd name="connsiteY7" fmla="*/ 5435 h 43219"/>
                <a:gd name="connsiteX8" fmla="*/ 42018 w 45306"/>
                <a:gd name="connsiteY8" fmla="*/ 10177 h 43219"/>
                <a:gd name="connsiteX9" fmla="*/ 41854 w 45306"/>
                <a:gd name="connsiteY9" fmla="*/ 15319 h 43219"/>
                <a:gd name="connsiteX10" fmla="*/ 43052 w 45306"/>
                <a:gd name="connsiteY10" fmla="*/ 23181 h 43219"/>
                <a:gd name="connsiteX11" fmla="*/ 37286 w 45306"/>
                <a:gd name="connsiteY11" fmla="*/ 30591 h 43219"/>
                <a:gd name="connsiteX12" fmla="*/ 45306 w 45306"/>
                <a:gd name="connsiteY12" fmla="*/ 37718 h 43219"/>
                <a:gd name="connsiteX13" fmla="*/ 34840 w 45306"/>
                <a:gd name="connsiteY13" fmla="*/ 35172 h 43219"/>
                <a:gd name="connsiteX14" fmla="*/ 28591 w 45306"/>
                <a:gd name="connsiteY14" fmla="*/ 36674 h 43219"/>
                <a:gd name="connsiteX15" fmla="*/ 23703 w 45306"/>
                <a:gd name="connsiteY15" fmla="*/ 42965 h 43219"/>
                <a:gd name="connsiteX16" fmla="*/ 16516 w 45306"/>
                <a:gd name="connsiteY16" fmla="*/ 39125 h 43219"/>
                <a:gd name="connsiteX17" fmla="*/ 5840 w 45306"/>
                <a:gd name="connsiteY17" fmla="*/ 35331 h 43219"/>
                <a:gd name="connsiteX18" fmla="*/ 1146 w 45306"/>
                <a:gd name="connsiteY18" fmla="*/ 31109 h 43219"/>
                <a:gd name="connsiteX19" fmla="*/ 2149 w 45306"/>
                <a:gd name="connsiteY19" fmla="*/ 25410 h 43219"/>
                <a:gd name="connsiteX20" fmla="*/ 31 w 45306"/>
                <a:gd name="connsiteY20" fmla="*/ 19563 h 43219"/>
                <a:gd name="connsiteX21" fmla="*/ 3899 w 45306"/>
                <a:gd name="connsiteY21" fmla="*/ 14366 h 43219"/>
                <a:gd name="connsiteX22" fmla="*/ 3936 w 45306"/>
                <a:gd name="connsiteY22" fmla="*/ 14229 h 43219"/>
                <a:gd name="connsiteX0" fmla="*/ 28619 w 45306"/>
                <a:gd name="connsiteY0" fmla="*/ 36455 h 43219"/>
                <a:gd name="connsiteX1" fmla="*/ 28596 w 45306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34840 w 43367"/>
                <a:gd name="connsiteY12" fmla="*/ 35172 h 43219"/>
                <a:gd name="connsiteX13" fmla="*/ 28591 w 43367"/>
                <a:gd name="connsiteY13" fmla="*/ 36674 h 43219"/>
                <a:gd name="connsiteX14" fmla="*/ 23703 w 43367"/>
                <a:gd name="connsiteY14" fmla="*/ 42965 h 43219"/>
                <a:gd name="connsiteX15" fmla="*/ 16516 w 43367"/>
                <a:gd name="connsiteY15" fmla="*/ 39125 h 43219"/>
                <a:gd name="connsiteX16" fmla="*/ 5840 w 43367"/>
                <a:gd name="connsiteY16" fmla="*/ 35331 h 43219"/>
                <a:gd name="connsiteX17" fmla="*/ 1146 w 43367"/>
                <a:gd name="connsiteY17" fmla="*/ 31109 h 43219"/>
                <a:gd name="connsiteX18" fmla="*/ 2149 w 43367"/>
                <a:gd name="connsiteY18" fmla="*/ 25410 h 43219"/>
                <a:gd name="connsiteX19" fmla="*/ 31 w 43367"/>
                <a:gd name="connsiteY19" fmla="*/ 19563 h 43219"/>
                <a:gd name="connsiteX20" fmla="*/ 3899 w 43367"/>
                <a:gd name="connsiteY20" fmla="*/ 14366 h 43219"/>
                <a:gd name="connsiteX21" fmla="*/ 3936 w 43367"/>
                <a:gd name="connsiteY21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34840 w 43367"/>
                <a:gd name="connsiteY12" fmla="*/ 35172 h 43219"/>
                <a:gd name="connsiteX13" fmla="*/ 28591 w 43367"/>
                <a:gd name="connsiteY13" fmla="*/ 36674 h 43219"/>
                <a:gd name="connsiteX14" fmla="*/ 23703 w 43367"/>
                <a:gd name="connsiteY14" fmla="*/ 42965 h 43219"/>
                <a:gd name="connsiteX15" fmla="*/ 16516 w 43367"/>
                <a:gd name="connsiteY15" fmla="*/ 39125 h 43219"/>
                <a:gd name="connsiteX16" fmla="*/ 6587 w 43367"/>
                <a:gd name="connsiteY16" fmla="*/ 37072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34840 w 43367"/>
                <a:gd name="connsiteY12" fmla="*/ 35172 h 43219"/>
                <a:gd name="connsiteX13" fmla="*/ 28591 w 43367"/>
                <a:gd name="connsiteY13" fmla="*/ 36674 h 43219"/>
                <a:gd name="connsiteX14" fmla="*/ 23703 w 43367"/>
                <a:gd name="connsiteY14" fmla="*/ 42965 h 43219"/>
                <a:gd name="connsiteX15" fmla="*/ 16516 w 43367"/>
                <a:gd name="connsiteY15" fmla="*/ 39125 h 43219"/>
                <a:gd name="connsiteX16" fmla="*/ 6587 w 43367"/>
                <a:gd name="connsiteY16" fmla="*/ 37072 h 43219"/>
                <a:gd name="connsiteX17" fmla="*/ 5840 w 43367"/>
                <a:gd name="connsiteY17" fmla="*/ 35331 h 43219"/>
                <a:gd name="connsiteX18" fmla="*/ 2985 w 43367"/>
                <a:gd name="connsiteY18" fmla="*/ 34284 h 43219"/>
                <a:gd name="connsiteX19" fmla="*/ 1146 w 43367"/>
                <a:gd name="connsiteY19" fmla="*/ 31109 h 43219"/>
                <a:gd name="connsiteX20" fmla="*/ 2149 w 43367"/>
                <a:gd name="connsiteY20" fmla="*/ 25410 h 43219"/>
                <a:gd name="connsiteX21" fmla="*/ 31 w 43367"/>
                <a:gd name="connsiteY21" fmla="*/ 19563 h 43219"/>
                <a:gd name="connsiteX22" fmla="*/ 3899 w 43367"/>
                <a:gd name="connsiteY22" fmla="*/ 14366 h 43219"/>
                <a:gd name="connsiteX23" fmla="*/ 3936 w 43367"/>
                <a:gd name="connsiteY23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10237 w 49668"/>
                <a:gd name="connsiteY0" fmla="*/ 14229 h 43219"/>
                <a:gd name="connsiteX1" fmla="*/ 11960 w 49668"/>
                <a:gd name="connsiteY1" fmla="*/ 6766 h 43219"/>
                <a:gd name="connsiteX2" fmla="*/ 20342 w 49668"/>
                <a:gd name="connsiteY2" fmla="*/ 5061 h 43219"/>
                <a:gd name="connsiteX3" fmla="*/ 28793 w 49668"/>
                <a:gd name="connsiteY3" fmla="*/ 3291 h 43219"/>
                <a:gd name="connsiteX4" fmla="*/ 32086 w 49668"/>
                <a:gd name="connsiteY4" fmla="*/ 59 h 43219"/>
                <a:gd name="connsiteX5" fmla="*/ 36170 w 49668"/>
                <a:gd name="connsiteY5" fmla="*/ 2340 h 43219"/>
                <a:gd name="connsiteX6" fmla="*/ 41800 w 49668"/>
                <a:gd name="connsiteY6" fmla="*/ 549 h 43219"/>
                <a:gd name="connsiteX7" fmla="*/ 44655 w 49668"/>
                <a:gd name="connsiteY7" fmla="*/ 5435 h 43219"/>
                <a:gd name="connsiteX8" fmla="*/ 48319 w 49668"/>
                <a:gd name="connsiteY8" fmla="*/ 10177 h 43219"/>
                <a:gd name="connsiteX9" fmla="*/ 48155 w 49668"/>
                <a:gd name="connsiteY9" fmla="*/ 15319 h 43219"/>
                <a:gd name="connsiteX10" fmla="*/ 49353 w 49668"/>
                <a:gd name="connsiteY10" fmla="*/ 23181 h 43219"/>
                <a:gd name="connsiteX11" fmla="*/ 43587 w 49668"/>
                <a:gd name="connsiteY11" fmla="*/ 30591 h 43219"/>
                <a:gd name="connsiteX12" fmla="*/ 41141 w 49668"/>
                <a:gd name="connsiteY12" fmla="*/ 35172 h 43219"/>
                <a:gd name="connsiteX13" fmla="*/ 34892 w 49668"/>
                <a:gd name="connsiteY13" fmla="*/ 36674 h 43219"/>
                <a:gd name="connsiteX14" fmla="*/ 30004 w 49668"/>
                <a:gd name="connsiteY14" fmla="*/ 42965 h 43219"/>
                <a:gd name="connsiteX15" fmla="*/ 22817 w 49668"/>
                <a:gd name="connsiteY15" fmla="*/ 39125 h 43219"/>
                <a:gd name="connsiteX16" fmla="*/ 12888 w 49668"/>
                <a:gd name="connsiteY16" fmla="*/ 37072 h 43219"/>
                <a:gd name="connsiteX17" fmla="*/ 24 w 49668"/>
                <a:gd name="connsiteY17" fmla="*/ 39578 h 43219"/>
                <a:gd name="connsiteX18" fmla="*/ 9286 w 49668"/>
                <a:gd name="connsiteY18" fmla="*/ 34284 h 43219"/>
                <a:gd name="connsiteX19" fmla="*/ 7447 w 49668"/>
                <a:gd name="connsiteY19" fmla="*/ 31109 h 43219"/>
                <a:gd name="connsiteX20" fmla="*/ 8450 w 49668"/>
                <a:gd name="connsiteY20" fmla="*/ 25410 h 43219"/>
                <a:gd name="connsiteX21" fmla="*/ 6332 w 49668"/>
                <a:gd name="connsiteY21" fmla="*/ 19563 h 43219"/>
                <a:gd name="connsiteX22" fmla="*/ 10200 w 49668"/>
                <a:gd name="connsiteY22" fmla="*/ 14366 h 43219"/>
                <a:gd name="connsiteX23" fmla="*/ 10237 w 49668"/>
                <a:gd name="connsiteY23" fmla="*/ 14229 h 43219"/>
                <a:gd name="connsiteX0" fmla="*/ 34920 w 49668"/>
                <a:gd name="connsiteY0" fmla="*/ 36455 h 43219"/>
                <a:gd name="connsiteX1" fmla="*/ 34897 w 49668"/>
                <a:gd name="connsiteY1" fmla="*/ 36519 h 43219"/>
                <a:gd name="connsiteX0" fmla="*/ 10213 w 49644"/>
                <a:gd name="connsiteY0" fmla="*/ 14229 h 43219"/>
                <a:gd name="connsiteX1" fmla="*/ 11936 w 49644"/>
                <a:gd name="connsiteY1" fmla="*/ 6766 h 43219"/>
                <a:gd name="connsiteX2" fmla="*/ 20318 w 49644"/>
                <a:gd name="connsiteY2" fmla="*/ 5061 h 43219"/>
                <a:gd name="connsiteX3" fmla="*/ 28769 w 49644"/>
                <a:gd name="connsiteY3" fmla="*/ 3291 h 43219"/>
                <a:gd name="connsiteX4" fmla="*/ 32062 w 49644"/>
                <a:gd name="connsiteY4" fmla="*/ 59 h 43219"/>
                <a:gd name="connsiteX5" fmla="*/ 36146 w 49644"/>
                <a:gd name="connsiteY5" fmla="*/ 2340 h 43219"/>
                <a:gd name="connsiteX6" fmla="*/ 41776 w 49644"/>
                <a:gd name="connsiteY6" fmla="*/ 549 h 43219"/>
                <a:gd name="connsiteX7" fmla="*/ 44631 w 49644"/>
                <a:gd name="connsiteY7" fmla="*/ 5435 h 43219"/>
                <a:gd name="connsiteX8" fmla="*/ 48295 w 49644"/>
                <a:gd name="connsiteY8" fmla="*/ 10177 h 43219"/>
                <a:gd name="connsiteX9" fmla="*/ 48131 w 49644"/>
                <a:gd name="connsiteY9" fmla="*/ 15319 h 43219"/>
                <a:gd name="connsiteX10" fmla="*/ 49329 w 49644"/>
                <a:gd name="connsiteY10" fmla="*/ 23181 h 43219"/>
                <a:gd name="connsiteX11" fmla="*/ 43563 w 49644"/>
                <a:gd name="connsiteY11" fmla="*/ 30591 h 43219"/>
                <a:gd name="connsiteX12" fmla="*/ 41117 w 49644"/>
                <a:gd name="connsiteY12" fmla="*/ 35172 h 43219"/>
                <a:gd name="connsiteX13" fmla="*/ 34868 w 49644"/>
                <a:gd name="connsiteY13" fmla="*/ 36674 h 43219"/>
                <a:gd name="connsiteX14" fmla="*/ 29980 w 49644"/>
                <a:gd name="connsiteY14" fmla="*/ 42965 h 43219"/>
                <a:gd name="connsiteX15" fmla="*/ 22793 w 49644"/>
                <a:gd name="connsiteY15" fmla="*/ 39125 h 43219"/>
                <a:gd name="connsiteX16" fmla="*/ 12864 w 49644"/>
                <a:gd name="connsiteY16" fmla="*/ 37072 h 43219"/>
                <a:gd name="connsiteX17" fmla="*/ 0 w 49644"/>
                <a:gd name="connsiteY17" fmla="*/ 39578 h 43219"/>
                <a:gd name="connsiteX18" fmla="*/ 9262 w 49644"/>
                <a:gd name="connsiteY18" fmla="*/ 34284 h 43219"/>
                <a:gd name="connsiteX19" fmla="*/ 7423 w 49644"/>
                <a:gd name="connsiteY19" fmla="*/ 31109 h 43219"/>
                <a:gd name="connsiteX20" fmla="*/ 8426 w 49644"/>
                <a:gd name="connsiteY20" fmla="*/ 25410 h 43219"/>
                <a:gd name="connsiteX21" fmla="*/ 6308 w 49644"/>
                <a:gd name="connsiteY21" fmla="*/ 19563 h 43219"/>
                <a:gd name="connsiteX22" fmla="*/ 10176 w 49644"/>
                <a:gd name="connsiteY22" fmla="*/ 14366 h 43219"/>
                <a:gd name="connsiteX23" fmla="*/ 10213 w 49644"/>
                <a:gd name="connsiteY23" fmla="*/ 14229 h 43219"/>
                <a:gd name="connsiteX0" fmla="*/ 34896 w 49644"/>
                <a:gd name="connsiteY0" fmla="*/ 36455 h 43219"/>
                <a:gd name="connsiteX1" fmla="*/ 34873 w 49644"/>
                <a:gd name="connsiteY1" fmla="*/ 36519 h 43219"/>
                <a:gd name="connsiteX0" fmla="*/ 10213 w 49644"/>
                <a:gd name="connsiteY0" fmla="*/ 14229 h 43219"/>
                <a:gd name="connsiteX1" fmla="*/ 11936 w 49644"/>
                <a:gd name="connsiteY1" fmla="*/ 6766 h 43219"/>
                <a:gd name="connsiteX2" fmla="*/ 20318 w 49644"/>
                <a:gd name="connsiteY2" fmla="*/ 5061 h 43219"/>
                <a:gd name="connsiteX3" fmla="*/ 28769 w 49644"/>
                <a:gd name="connsiteY3" fmla="*/ 3291 h 43219"/>
                <a:gd name="connsiteX4" fmla="*/ 32062 w 49644"/>
                <a:gd name="connsiteY4" fmla="*/ 59 h 43219"/>
                <a:gd name="connsiteX5" fmla="*/ 36146 w 49644"/>
                <a:gd name="connsiteY5" fmla="*/ 2340 h 43219"/>
                <a:gd name="connsiteX6" fmla="*/ 41776 w 49644"/>
                <a:gd name="connsiteY6" fmla="*/ 549 h 43219"/>
                <a:gd name="connsiteX7" fmla="*/ 44631 w 49644"/>
                <a:gd name="connsiteY7" fmla="*/ 5435 h 43219"/>
                <a:gd name="connsiteX8" fmla="*/ 48295 w 49644"/>
                <a:gd name="connsiteY8" fmla="*/ 10177 h 43219"/>
                <a:gd name="connsiteX9" fmla="*/ 48131 w 49644"/>
                <a:gd name="connsiteY9" fmla="*/ 15319 h 43219"/>
                <a:gd name="connsiteX10" fmla="*/ 49329 w 49644"/>
                <a:gd name="connsiteY10" fmla="*/ 23181 h 43219"/>
                <a:gd name="connsiteX11" fmla="*/ 43563 w 49644"/>
                <a:gd name="connsiteY11" fmla="*/ 30591 h 43219"/>
                <a:gd name="connsiteX12" fmla="*/ 41117 w 49644"/>
                <a:gd name="connsiteY12" fmla="*/ 35172 h 43219"/>
                <a:gd name="connsiteX13" fmla="*/ 34868 w 49644"/>
                <a:gd name="connsiteY13" fmla="*/ 36674 h 43219"/>
                <a:gd name="connsiteX14" fmla="*/ 29980 w 49644"/>
                <a:gd name="connsiteY14" fmla="*/ 42965 h 43219"/>
                <a:gd name="connsiteX15" fmla="*/ 22793 w 49644"/>
                <a:gd name="connsiteY15" fmla="*/ 39125 h 43219"/>
                <a:gd name="connsiteX16" fmla="*/ 12864 w 49644"/>
                <a:gd name="connsiteY16" fmla="*/ 37072 h 43219"/>
                <a:gd name="connsiteX17" fmla="*/ 0 w 49644"/>
                <a:gd name="connsiteY17" fmla="*/ 39578 h 43219"/>
                <a:gd name="connsiteX18" fmla="*/ 9262 w 49644"/>
                <a:gd name="connsiteY18" fmla="*/ 34284 h 43219"/>
                <a:gd name="connsiteX19" fmla="*/ 7423 w 49644"/>
                <a:gd name="connsiteY19" fmla="*/ 31109 h 43219"/>
                <a:gd name="connsiteX20" fmla="*/ 8426 w 49644"/>
                <a:gd name="connsiteY20" fmla="*/ 25410 h 43219"/>
                <a:gd name="connsiteX21" fmla="*/ 6308 w 49644"/>
                <a:gd name="connsiteY21" fmla="*/ 19563 h 43219"/>
                <a:gd name="connsiteX22" fmla="*/ 10176 w 49644"/>
                <a:gd name="connsiteY22" fmla="*/ 14366 h 43219"/>
                <a:gd name="connsiteX23" fmla="*/ 10213 w 49644"/>
                <a:gd name="connsiteY23" fmla="*/ 14229 h 43219"/>
                <a:gd name="connsiteX0" fmla="*/ 34896 w 49644"/>
                <a:gd name="connsiteY0" fmla="*/ 36455 h 43219"/>
                <a:gd name="connsiteX1" fmla="*/ 34873 w 49644"/>
                <a:gd name="connsiteY1" fmla="*/ 36519 h 43219"/>
                <a:gd name="connsiteX0" fmla="*/ 10213 w 49644"/>
                <a:gd name="connsiteY0" fmla="*/ 14229 h 43219"/>
                <a:gd name="connsiteX1" fmla="*/ 11936 w 49644"/>
                <a:gd name="connsiteY1" fmla="*/ 6766 h 43219"/>
                <a:gd name="connsiteX2" fmla="*/ 20318 w 49644"/>
                <a:gd name="connsiteY2" fmla="*/ 5061 h 43219"/>
                <a:gd name="connsiteX3" fmla="*/ 28769 w 49644"/>
                <a:gd name="connsiteY3" fmla="*/ 3291 h 43219"/>
                <a:gd name="connsiteX4" fmla="*/ 32062 w 49644"/>
                <a:gd name="connsiteY4" fmla="*/ 59 h 43219"/>
                <a:gd name="connsiteX5" fmla="*/ 36146 w 49644"/>
                <a:gd name="connsiteY5" fmla="*/ 2340 h 43219"/>
                <a:gd name="connsiteX6" fmla="*/ 41776 w 49644"/>
                <a:gd name="connsiteY6" fmla="*/ 549 h 43219"/>
                <a:gd name="connsiteX7" fmla="*/ 44631 w 49644"/>
                <a:gd name="connsiteY7" fmla="*/ 5435 h 43219"/>
                <a:gd name="connsiteX8" fmla="*/ 48295 w 49644"/>
                <a:gd name="connsiteY8" fmla="*/ 10177 h 43219"/>
                <a:gd name="connsiteX9" fmla="*/ 48131 w 49644"/>
                <a:gd name="connsiteY9" fmla="*/ 15319 h 43219"/>
                <a:gd name="connsiteX10" fmla="*/ 49329 w 49644"/>
                <a:gd name="connsiteY10" fmla="*/ 23181 h 43219"/>
                <a:gd name="connsiteX11" fmla="*/ 43563 w 49644"/>
                <a:gd name="connsiteY11" fmla="*/ 30591 h 43219"/>
                <a:gd name="connsiteX12" fmla="*/ 41117 w 49644"/>
                <a:gd name="connsiteY12" fmla="*/ 35172 h 43219"/>
                <a:gd name="connsiteX13" fmla="*/ 34868 w 49644"/>
                <a:gd name="connsiteY13" fmla="*/ 36674 h 43219"/>
                <a:gd name="connsiteX14" fmla="*/ 29980 w 49644"/>
                <a:gd name="connsiteY14" fmla="*/ 42965 h 43219"/>
                <a:gd name="connsiteX15" fmla="*/ 22793 w 49644"/>
                <a:gd name="connsiteY15" fmla="*/ 39125 h 43219"/>
                <a:gd name="connsiteX16" fmla="*/ 12864 w 49644"/>
                <a:gd name="connsiteY16" fmla="*/ 37072 h 43219"/>
                <a:gd name="connsiteX17" fmla="*/ 0 w 49644"/>
                <a:gd name="connsiteY17" fmla="*/ 39578 h 43219"/>
                <a:gd name="connsiteX18" fmla="*/ 9262 w 49644"/>
                <a:gd name="connsiteY18" fmla="*/ 34284 h 43219"/>
                <a:gd name="connsiteX19" fmla="*/ 7423 w 49644"/>
                <a:gd name="connsiteY19" fmla="*/ 31109 h 43219"/>
                <a:gd name="connsiteX20" fmla="*/ 8426 w 49644"/>
                <a:gd name="connsiteY20" fmla="*/ 25410 h 43219"/>
                <a:gd name="connsiteX21" fmla="*/ 6308 w 49644"/>
                <a:gd name="connsiteY21" fmla="*/ 19563 h 43219"/>
                <a:gd name="connsiteX22" fmla="*/ 10176 w 49644"/>
                <a:gd name="connsiteY22" fmla="*/ 14366 h 43219"/>
                <a:gd name="connsiteX23" fmla="*/ 10213 w 49644"/>
                <a:gd name="connsiteY23" fmla="*/ 14229 h 43219"/>
                <a:gd name="connsiteX0" fmla="*/ 34896 w 49644"/>
                <a:gd name="connsiteY0" fmla="*/ 36455 h 43219"/>
                <a:gd name="connsiteX1" fmla="*/ 34873 w 49644"/>
                <a:gd name="connsiteY1" fmla="*/ 36519 h 43219"/>
                <a:gd name="connsiteX0" fmla="*/ 10213 w 49644"/>
                <a:gd name="connsiteY0" fmla="*/ 14229 h 43219"/>
                <a:gd name="connsiteX1" fmla="*/ 11936 w 49644"/>
                <a:gd name="connsiteY1" fmla="*/ 6766 h 43219"/>
                <a:gd name="connsiteX2" fmla="*/ 20318 w 49644"/>
                <a:gd name="connsiteY2" fmla="*/ 5061 h 43219"/>
                <a:gd name="connsiteX3" fmla="*/ 28769 w 49644"/>
                <a:gd name="connsiteY3" fmla="*/ 3291 h 43219"/>
                <a:gd name="connsiteX4" fmla="*/ 32062 w 49644"/>
                <a:gd name="connsiteY4" fmla="*/ 59 h 43219"/>
                <a:gd name="connsiteX5" fmla="*/ 36146 w 49644"/>
                <a:gd name="connsiteY5" fmla="*/ 2340 h 43219"/>
                <a:gd name="connsiteX6" fmla="*/ 41776 w 49644"/>
                <a:gd name="connsiteY6" fmla="*/ 549 h 43219"/>
                <a:gd name="connsiteX7" fmla="*/ 44631 w 49644"/>
                <a:gd name="connsiteY7" fmla="*/ 5435 h 43219"/>
                <a:gd name="connsiteX8" fmla="*/ 48295 w 49644"/>
                <a:gd name="connsiteY8" fmla="*/ 10177 h 43219"/>
                <a:gd name="connsiteX9" fmla="*/ 48131 w 49644"/>
                <a:gd name="connsiteY9" fmla="*/ 15319 h 43219"/>
                <a:gd name="connsiteX10" fmla="*/ 49329 w 49644"/>
                <a:gd name="connsiteY10" fmla="*/ 23181 h 43219"/>
                <a:gd name="connsiteX11" fmla="*/ 43563 w 49644"/>
                <a:gd name="connsiteY11" fmla="*/ 30591 h 43219"/>
                <a:gd name="connsiteX12" fmla="*/ 41117 w 49644"/>
                <a:gd name="connsiteY12" fmla="*/ 35172 h 43219"/>
                <a:gd name="connsiteX13" fmla="*/ 34868 w 49644"/>
                <a:gd name="connsiteY13" fmla="*/ 36674 h 43219"/>
                <a:gd name="connsiteX14" fmla="*/ 29980 w 49644"/>
                <a:gd name="connsiteY14" fmla="*/ 42965 h 43219"/>
                <a:gd name="connsiteX15" fmla="*/ 22793 w 49644"/>
                <a:gd name="connsiteY15" fmla="*/ 39125 h 43219"/>
                <a:gd name="connsiteX16" fmla="*/ 12864 w 49644"/>
                <a:gd name="connsiteY16" fmla="*/ 37072 h 43219"/>
                <a:gd name="connsiteX17" fmla="*/ 0 w 49644"/>
                <a:gd name="connsiteY17" fmla="*/ 39578 h 43219"/>
                <a:gd name="connsiteX18" fmla="*/ 9262 w 49644"/>
                <a:gd name="connsiteY18" fmla="*/ 34284 h 43219"/>
                <a:gd name="connsiteX19" fmla="*/ 7423 w 49644"/>
                <a:gd name="connsiteY19" fmla="*/ 31109 h 43219"/>
                <a:gd name="connsiteX20" fmla="*/ 8426 w 49644"/>
                <a:gd name="connsiteY20" fmla="*/ 25410 h 43219"/>
                <a:gd name="connsiteX21" fmla="*/ 6308 w 49644"/>
                <a:gd name="connsiteY21" fmla="*/ 19563 h 43219"/>
                <a:gd name="connsiteX22" fmla="*/ 10176 w 49644"/>
                <a:gd name="connsiteY22" fmla="*/ 14366 h 43219"/>
                <a:gd name="connsiteX23" fmla="*/ 10213 w 49644"/>
                <a:gd name="connsiteY23" fmla="*/ 14229 h 43219"/>
                <a:gd name="connsiteX0" fmla="*/ 34896 w 49644"/>
                <a:gd name="connsiteY0" fmla="*/ 36455 h 43219"/>
                <a:gd name="connsiteX1" fmla="*/ 34873 w 49644"/>
                <a:gd name="connsiteY1" fmla="*/ 36519 h 43219"/>
                <a:gd name="connsiteX0" fmla="*/ 10213 w 49644"/>
                <a:gd name="connsiteY0" fmla="*/ 14229 h 43219"/>
                <a:gd name="connsiteX1" fmla="*/ 11936 w 49644"/>
                <a:gd name="connsiteY1" fmla="*/ 6766 h 43219"/>
                <a:gd name="connsiteX2" fmla="*/ 20318 w 49644"/>
                <a:gd name="connsiteY2" fmla="*/ 5061 h 43219"/>
                <a:gd name="connsiteX3" fmla="*/ 28769 w 49644"/>
                <a:gd name="connsiteY3" fmla="*/ 3291 h 43219"/>
                <a:gd name="connsiteX4" fmla="*/ 32062 w 49644"/>
                <a:gd name="connsiteY4" fmla="*/ 59 h 43219"/>
                <a:gd name="connsiteX5" fmla="*/ 36146 w 49644"/>
                <a:gd name="connsiteY5" fmla="*/ 2340 h 43219"/>
                <a:gd name="connsiteX6" fmla="*/ 41776 w 49644"/>
                <a:gd name="connsiteY6" fmla="*/ 549 h 43219"/>
                <a:gd name="connsiteX7" fmla="*/ 44631 w 49644"/>
                <a:gd name="connsiteY7" fmla="*/ 5435 h 43219"/>
                <a:gd name="connsiteX8" fmla="*/ 48295 w 49644"/>
                <a:gd name="connsiteY8" fmla="*/ 10177 h 43219"/>
                <a:gd name="connsiteX9" fmla="*/ 48131 w 49644"/>
                <a:gd name="connsiteY9" fmla="*/ 15319 h 43219"/>
                <a:gd name="connsiteX10" fmla="*/ 49329 w 49644"/>
                <a:gd name="connsiteY10" fmla="*/ 23181 h 43219"/>
                <a:gd name="connsiteX11" fmla="*/ 43563 w 49644"/>
                <a:gd name="connsiteY11" fmla="*/ 30591 h 43219"/>
                <a:gd name="connsiteX12" fmla="*/ 41117 w 49644"/>
                <a:gd name="connsiteY12" fmla="*/ 35172 h 43219"/>
                <a:gd name="connsiteX13" fmla="*/ 34868 w 49644"/>
                <a:gd name="connsiteY13" fmla="*/ 36674 h 43219"/>
                <a:gd name="connsiteX14" fmla="*/ 29980 w 49644"/>
                <a:gd name="connsiteY14" fmla="*/ 42965 h 43219"/>
                <a:gd name="connsiteX15" fmla="*/ 22793 w 49644"/>
                <a:gd name="connsiteY15" fmla="*/ 39125 h 43219"/>
                <a:gd name="connsiteX16" fmla="*/ 12864 w 49644"/>
                <a:gd name="connsiteY16" fmla="*/ 37072 h 43219"/>
                <a:gd name="connsiteX17" fmla="*/ 0 w 49644"/>
                <a:gd name="connsiteY17" fmla="*/ 39578 h 43219"/>
                <a:gd name="connsiteX18" fmla="*/ 9262 w 49644"/>
                <a:gd name="connsiteY18" fmla="*/ 34284 h 43219"/>
                <a:gd name="connsiteX19" fmla="*/ 7423 w 49644"/>
                <a:gd name="connsiteY19" fmla="*/ 31109 h 43219"/>
                <a:gd name="connsiteX20" fmla="*/ 8426 w 49644"/>
                <a:gd name="connsiteY20" fmla="*/ 25410 h 43219"/>
                <a:gd name="connsiteX21" fmla="*/ 6308 w 49644"/>
                <a:gd name="connsiteY21" fmla="*/ 19563 h 43219"/>
                <a:gd name="connsiteX22" fmla="*/ 10176 w 49644"/>
                <a:gd name="connsiteY22" fmla="*/ 14366 h 43219"/>
                <a:gd name="connsiteX23" fmla="*/ 10213 w 49644"/>
                <a:gd name="connsiteY23" fmla="*/ 14229 h 43219"/>
                <a:gd name="connsiteX0" fmla="*/ 34896 w 49644"/>
                <a:gd name="connsiteY0" fmla="*/ 36455 h 43219"/>
                <a:gd name="connsiteX1" fmla="*/ 34873 w 49644"/>
                <a:gd name="connsiteY1" fmla="*/ 36519 h 43219"/>
                <a:gd name="connsiteX0" fmla="*/ 10213 w 49644"/>
                <a:gd name="connsiteY0" fmla="*/ 14229 h 43219"/>
                <a:gd name="connsiteX1" fmla="*/ 11936 w 49644"/>
                <a:gd name="connsiteY1" fmla="*/ 6766 h 43219"/>
                <a:gd name="connsiteX2" fmla="*/ 20318 w 49644"/>
                <a:gd name="connsiteY2" fmla="*/ 5061 h 43219"/>
                <a:gd name="connsiteX3" fmla="*/ 28769 w 49644"/>
                <a:gd name="connsiteY3" fmla="*/ 3291 h 43219"/>
                <a:gd name="connsiteX4" fmla="*/ 32062 w 49644"/>
                <a:gd name="connsiteY4" fmla="*/ 59 h 43219"/>
                <a:gd name="connsiteX5" fmla="*/ 36146 w 49644"/>
                <a:gd name="connsiteY5" fmla="*/ 2340 h 43219"/>
                <a:gd name="connsiteX6" fmla="*/ 41776 w 49644"/>
                <a:gd name="connsiteY6" fmla="*/ 549 h 43219"/>
                <a:gd name="connsiteX7" fmla="*/ 44631 w 49644"/>
                <a:gd name="connsiteY7" fmla="*/ 5435 h 43219"/>
                <a:gd name="connsiteX8" fmla="*/ 48295 w 49644"/>
                <a:gd name="connsiteY8" fmla="*/ 10177 h 43219"/>
                <a:gd name="connsiteX9" fmla="*/ 48131 w 49644"/>
                <a:gd name="connsiteY9" fmla="*/ 15319 h 43219"/>
                <a:gd name="connsiteX10" fmla="*/ 49329 w 49644"/>
                <a:gd name="connsiteY10" fmla="*/ 23181 h 43219"/>
                <a:gd name="connsiteX11" fmla="*/ 43563 w 49644"/>
                <a:gd name="connsiteY11" fmla="*/ 30591 h 43219"/>
                <a:gd name="connsiteX12" fmla="*/ 41117 w 49644"/>
                <a:gd name="connsiteY12" fmla="*/ 35172 h 43219"/>
                <a:gd name="connsiteX13" fmla="*/ 34868 w 49644"/>
                <a:gd name="connsiteY13" fmla="*/ 36674 h 43219"/>
                <a:gd name="connsiteX14" fmla="*/ 29980 w 49644"/>
                <a:gd name="connsiteY14" fmla="*/ 42965 h 43219"/>
                <a:gd name="connsiteX15" fmla="*/ 22793 w 49644"/>
                <a:gd name="connsiteY15" fmla="*/ 39125 h 43219"/>
                <a:gd name="connsiteX16" fmla="*/ 12864 w 49644"/>
                <a:gd name="connsiteY16" fmla="*/ 37072 h 43219"/>
                <a:gd name="connsiteX17" fmla="*/ 0 w 49644"/>
                <a:gd name="connsiteY17" fmla="*/ 39578 h 43219"/>
                <a:gd name="connsiteX18" fmla="*/ 9262 w 49644"/>
                <a:gd name="connsiteY18" fmla="*/ 34284 h 43219"/>
                <a:gd name="connsiteX19" fmla="*/ 7423 w 49644"/>
                <a:gd name="connsiteY19" fmla="*/ 31109 h 43219"/>
                <a:gd name="connsiteX20" fmla="*/ 8426 w 49644"/>
                <a:gd name="connsiteY20" fmla="*/ 25410 h 43219"/>
                <a:gd name="connsiteX21" fmla="*/ 6308 w 49644"/>
                <a:gd name="connsiteY21" fmla="*/ 19563 h 43219"/>
                <a:gd name="connsiteX22" fmla="*/ 10176 w 49644"/>
                <a:gd name="connsiteY22" fmla="*/ 14366 h 43219"/>
                <a:gd name="connsiteX23" fmla="*/ 10213 w 49644"/>
                <a:gd name="connsiteY23" fmla="*/ 14229 h 43219"/>
                <a:gd name="connsiteX0" fmla="*/ 34896 w 49644"/>
                <a:gd name="connsiteY0" fmla="*/ 36455 h 43219"/>
                <a:gd name="connsiteX1" fmla="*/ 34873 w 49644"/>
                <a:gd name="connsiteY1" fmla="*/ 36519 h 43219"/>
                <a:gd name="connsiteX0" fmla="*/ 10213 w 49644"/>
                <a:gd name="connsiteY0" fmla="*/ 14229 h 43219"/>
                <a:gd name="connsiteX1" fmla="*/ 11936 w 49644"/>
                <a:gd name="connsiteY1" fmla="*/ 6766 h 43219"/>
                <a:gd name="connsiteX2" fmla="*/ 20318 w 49644"/>
                <a:gd name="connsiteY2" fmla="*/ 5061 h 43219"/>
                <a:gd name="connsiteX3" fmla="*/ 28769 w 49644"/>
                <a:gd name="connsiteY3" fmla="*/ 3291 h 43219"/>
                <a:gd name="connsiteX4" fmla="*/ 32062 w 49644"/>
                <a:gd name="connsiteY4" fmla="*/ 59 h 43219"/>
                <a:gd name="connsiteX5" fmla="*/ 36146 w 49644"/>
                <a:gd name="connsiteY5" fmla="*/ 2340 h 43219"/>
                <a:gd name="connsiteX6" fmla="*/ 41776 w 49644"/>
                <a:gd name="connsiteY6" fmla="*/ 549 h 43219"/>
                <a:gd name="connsiteX7" fmla="*/ 44631 w 49644"/>
                <a:gd name="connsiteY7" fmla="*/ 5435 h 43219"/>
                <a:gd name="connsiteX8" fmla="*/ 48295 w 49644"/>
                <a:gd name="connsiteY8" fmla="*/ 10177 h 43219"/>
                <a:gd name="connsiteX9" fmla="*/ 48131 w 49644"/>
                <a:gd name="connsiteY9" fmla="*/ 15319 h 43219"/>
                <a:gd name="connsiteX10" fmla="*/ 49329 w 49644"/>
                <a:gd name="connsiteY10" fmla="*/ 23181 h 43219"/>
                <a:gd name="connsiteX11" fmla="*/ 43563 w 49644"/>
                <a:gd name="connsiteY11" fmla="*/ 30591 h 43219"/>
                <a:gd name="connsiteX12" fmla="*/ 41117 w 49644"/>
                <a:gd name="connsiteY12" fmla="*/ 35172 h 43219"/>
                <a:gd name="connsiteX13" fmla="*/ 34868 w 49644"/>
                <a:gd name="connsiteY13" fmla="*/ 36674 h 43219"/>
                <a:gd name="connsiteX14" fmla="*/ 29980 w 49644"/>
                <a:gd name="connsiteY14" fmla="*/ 42965 h 43219"/>
                <a:gd name="connsiteX15" fmla="*/ 22793 w 49644"/>
                <a:gd name="connsiteY15" fmla="*/ 39125 h 43219"/>
                <a:gd name="connsiteX16" fmla="*/ 12864 w 49644"/>
                <a:gd name="connsiteY16" fmla="*/ 37072 h 43219"/>
                <a:gd name="connsiteX17" fmla="*/ 0 w 49644"/>
                <a:gd name="connsiteY17" fmla="*/ 39578 h 43219"/>
                <a:gd name="connsiteX18" fmla="*/ 9262 w 49644"/>
                <a:gd name="connsiteY18" fmla="*/ 34284 h 43219"/>
                <a:gd name="connsiteX19" fmla="*/ 7423 w 49644"/>
                <a:gd name="connsiteY19" fmla="*/ 31109 h 43219"/>
                <a:gd name="connsiteX20" fmla="*/ 8426 w 49644"/>
                <a:gd name="connsiteY20" fmla="*/ 25410 h 43219"/>
                <a:gd name="connsiteX21" fmla="*/ 6308 w 49644"/>
                <a:gd name="connsiteY21" fmla="*/ 19563 h 43219"/>
                <a:gd name="connsiteX22" fmla="*/ 10176 w 49644"/>
                <a:gd name="connsiteY22" fmla="*/ 14366 h 43219"/>
                <a:gd name="connsiteX23" fmla="*/ 10213 w 49644"/>
                <a:gd name="connsiteY23" fmla="*/ 14229 h 43219"/>
                <a:gd name="connsiteX0" fmla="*/ 34896 w 49644"/>
                <a:gd name="connsiteY0" fmla="*/ 36455 h 43219"/>
                <a:gd name="connsiteX1" fmla="*/ 34873 w 49644"/>
                <a:gd name="connsiteY1" fmla="*/ 36519 h 43219"/>
                <a:gd name="connsiteX0" fmla="*/ 10213 w 49644"/>
                <a:gd name="connsiteY0" fmla="*/ 14229 h 43219"/>
                <a:gd name="connsiteX1" fmla="*/ 11936 w 49644"/>
                <a:gd name="connsiteY1" fmla="*/ 6766 h 43219"/>
                <a:gd name="connsiteX2" fmla="*/ 20318 w 49644"/>
                <a:gd name="connsiteY2" fmla="*/ 5061 h 43219"/>
                <a:gd name="connsiteX3" fmla="*/ 28769 w 49644"/>
                <a:gd name="connsiteY3" fmla="*/ 3291 h 43219"/>
                <a:gd name="connsiteX4" fmla="*/ 32062 w 49644"/>
                <a:gd name="connsiteY4" fmla="*/ 59 h 43219"/>
                <a:gd name="connsiteX5" fmla="*/ 36146 w 49644"/>
                <a:gd name="connsiteY5" fmla="*/ 2340 h 43219"/>
                <a:gd name="connsiteX6" fmla="*/ 41776 w 49644"/>
                <a:gd name="connsiteY6" fmla="*/ 549 h 43219"/>
                <a:gd name="connsiteX7" fmla="*/ 44631 w 49644"/>
                <a:gd name="connsiteY7" fmla="*/ 5435 h 43219"/>
                <a:gd name="connsiteX8" fmla="*/ 48295 w 49644"/>
                <a:gd name="connsiteY8" fmla="*/ 10177 h 43219"/>
                <a:gd name="connsiteX9" fmla="*/ 48131 w 49644"/>
                <a:gd name="connsiteY9" fmla="*/ 15319 h 43219"/>
                <a:gd name="connsiteX10" fmla="*/ 49329 w 49644"/>
                <a:gd name="connsiteY10" fmla="*/ 23181 h 43219"/>
                <a:gd name="connsiteX11" fmla="*/ 43563 w 49644"/>
                <a:gd name="connsiteY11" fmla="*/ 30591 h 43219"/>
                <a:gd name="connsiteX12" fmla="*/ 41117 w 49644"/>
                <a:gd name="connsiteY12" fmla="*/ 35172 h 43219"/>
                <a:gd name="connsiteX13" fmla="*/ 34868 w 49644"/>
                <a:gd name="connsiteY13" fmla="*/ 36674 h 43219"/>
                <a:gd name="connsiteX14" fmla="*/ 29980 w 49644"/>
                <a:gd name="connsiteY14" fmla="*/ 42965 h 43219"/>
                <a:gd name="connsiteX15" fmla="*/ 22793 w 49644"/>
                <a:gd name="connsiteY15" fmla="*/ 39125 h 43219"/>
                <a:gd name="connsiteX16" fmla="*/ 12864 w 49644"/>
                <a:gd name="connsiteY16" fmla="*/ 37072 h 43219"/>
                <a:gd name="connsiteX17" fmla="*/ 0 w 49644"/>
                <a:gd name="connsiteY17" fmla="*/ 39578 h 43219"/>
                <a:gd name="connsiteX18" fmla="*/ 9262 w 49644"/>
                <a:gd name="connsiteY18" fmla="*/ 34284 h 43219"/>
                <a:gd name="connsiteX19" fmla="*/ 7423 w 49644"/>
                <a:gd name="connsiteY19" fmla="*/ 31109 h 43219"/>
                <a:gd name="connsiteX20" fmla="*/ 8426 w 49644"/>
                <a:gd name="connsiteY20" fmla="*/ 25410 h 43219"/>
                <a:gd name="connsiteX21" fmla="*/ 6308 w 49644"/>
                <a:gd name="connsiteY21" fmla="*/ 19563 h 43219"/>
                <a:gd name="connsiteX22" fmla="*/ 10176 w 49644"/>
                <a:gd name="connsiteY22" fmla="*/ 14366 h 43219"/>
                <a:gd name="connsiteX23" fmla="*/ 10213 w 49644"/>
                <a:gd name="connsiteY23" fmla="*/ 14229 h 43219"/>
                <a:gd name="connsiteX0" fmla="*/ 34896 w 49644"/>
                <a:gd name="connsiteY0" fmla="*/ 36455 h 43219"/>
                <a:gd name="connsiteX1" fmla="*/ 34873 w 49644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9644" h="43219">
                  <a:moveTo>
                    <a:pt x="10213" y="14229"/>
                  </a:moveTo>
                  <a:cubicBezTo>
                    <a:pt x="9942" y="11516"/>
                    <a:pt x="10574" y="8780"/>
                    <a:pt x="11936" y="6766"/>
                  </a:cubicBezTo>
                  <a:cubicBezTo>
                    <a:pt x="14088" y="3585"/>
                    <a:pt x="17577" y="2876"/>
                    <a:pt x="20318" y="5061"/>
                  </a:cubicBezTo>
                  <a:cubicBezTo>
                    <a:pt x="21991" y="768"/>
                    <a:pt x="26227" y="-119"/>
                    <a:pt x="28769" y="3291"/>
                  </a:cubicBezTo>
                  <a:cubicBezTo>
                    <a:pt x="29410" y="1542"/>
                    <a:pt x="30641" y="333"/>
                    <a:pt x="32062" y="59"/>
                  </a:cubicBezTo>
                  <a:cubicBezTo>
                    <a:pt x="33626" y="-243"/>
                    <a:pt x="35188" y="629"/>
                    <a:pt x="36146" y="2340"/>
                  </a:cubicBezTo>
                  <a:cubicBezTo>
                    <a:pt x="37528" y="126"/>
                    <a:pt x="39814" y="-601"/>
                    <a:pt x="41776" y="549"/>
                  </a:cubicBezTo>
                  <a:cubicBezTo>
                    <a:pt x="43271" y="1425"/>
                    <a:pt x="44343" y="3259"/>
                    <a:pt x="44631" y="5435"/>
                  </a:cubicBezTo>
                  <a:cubicBezTo>
                    <a:pt x="46359" y="6077"/>
                    <a:pt x="47735" y="7857"/>
                    <a:pt x="48295" y="10177"/>
                  </a:cubicBezTo>
                  <a:cubicBezTo>
                    <a:pt x="48702" y="11861"/>
                    <a:pt x="48644" y="13690"/>
                    <a:pt x="48131" y="15319"/>
                  </a:cubicBezTo>
                  <a:cubicBezTo>
                    <a:pt x="49392" y="17553"/>
                    <a:pt x="50090" y="20636"/>
                    <a:pt x="49329" y="23181"/>
                  </a:cubicBezTo>
                  <a:cubicBezTo>
                    <a:pt x="48568" y="25726"/>
                    <a:pt x="46287" y="30061"/>
                    <a:pt x="43563" y="30591"/>
                  </a:cubicBezTo>
                  <a:cubicBezTo>
                    <a:pt x="42194" y="32590"/>
                    <a:pt x="42566" y="34158"/>
                    <a:pt x="41117" y="35172"/>
                  </a:cubicBezTo>
                  <a:cubicBezTo>
                    <a:pt x="40463" y="37306"/>
                    <a:pt x="37017" y="38498"/>
                    <a:pt x="34868" y="36674"/>
                  </a:cubicBezTo>
                  <a:cubicBezTo>
                    <a:pt x="34173" y="39807"/>
                    <a:pt x="32312" y="42202"/>
                    <a:pt x="29980" y="42965"/>
                  </a:cubicBezTo>
                  <a:cubicBezTo>
                    <a:pt x="27232" y="43864"/>
                    <a:pt x="24364" y="42332"/>
                    <a:pt x="22793" y="39125"/>
                  </a:cubicBezTo>
                  <a:cubicBezTo>
                    <a:pt x="18246" y="40216"/>
                    <a:pt x="13478" y="40298"/>
                    <a:pt x="12864" y="37072"/>
                  </a:cubicBezTo>
                  <a:cubicBezTo>
                    <a:pt x="11085" y="36440"/>
                    <a:pt x="6687" y="37336"/>
                    <a:pt x="0" y="39578"/>
                  </a:cubicBezTo>
                  <a:cubicBezTo>
                    <a:pt x="3413" y="36347"/>
                    <a:pt x="10044" y="34988"/>
                    <a:pt x="9262" y="34284"/>
                  </a:cubicBezTo>
                  <a:cubicBezTo>
                    <a:pt x="8480" y="33580"/>
                    <a:pt x="7562" y="32588"/>
                    <a:pt x="7423" y="31109"/>
                  </a:cubicBezTo>
                  <a:cubicBezTo>
                    <a:pt x="6992" y="29102"/>
                    <a:pt x="7373" y="26936"/>
                    <a:pt x="8426" y="25410"/>
                  </a:cubicBezTo>
                  <a:cubicBezTo>
                    <a:pt x="6932" y="24213"/>
                    <a:pt x="6100" y="21916"/>
                    <a:pt x="6308" y="19563"/>
                  </a:cubicBezTo>
                  <a:cubicBezTo>
                    <a:pt x="6552" y="16808"/>
                    <a:pt x="8158" y="14650"/>
                    <a:pt x="10176" y="14366"/>
                  </a:cubicBezTo>
                  <a:cubicBezTo>
                    <a:pt x="10188" y="14320"/>
                    <a:pt x="10201" y="14275"/>
                    <a:pt x="10213" y="14229"/>
                  </a:cubicBezTo>
                  <a:close/>
                </a:path>
                <a:path w="49644" h="43219" fill="none" extrusionOk="0">
                  <a:moveTo>
                    <a:pt x="34896" y="36455"/>
                  </a:moveTo>
                  <a:cubicBezTo>
                    <a:pt x="34857" y="37102"/>
                    <a:pt x="35011" y="35897"/>
                    <a:pt x="34873" y="36519"/>
                  </a:cubicBezTo>
                </a:path>
              </a:pathLst>
            </a:custGeom>
            <a:solidFill>
              <a:srgbClr val="FFFFFF"/>
            </a:solidFill>
            <a:ln w="50800" cap="rnd">
              <a:solidFill>
                <a:schemeClr val="accent5"/>
              </a:solidFill>
              <a:round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>
                <a:solidFill>
                  <a:schemeClr val="lt1"/>
                </a:solidFill>
              </a:endParaRPr>
            </a:p>
          </p:txBody>
        </p:sp>
        <p:sp>
          <p:nvSpPr>
            <p:cNvPr id="108" name="テキスト ボックス 107"/>
            <p:cNvSpPr txBox="1"/>
            <p:nvPr/>
          </p:nvSpPr>
          <p:spPr>
            <a:xfrm>
              <a:off x="5550619" y="5609716"/>
              <a:ext cx="3215106" cy="76944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2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うごきもおかしいし、</a:t>
              </a:r>
              <a:endParaRPr lang="en-US" altLang="ja-JP" sz="22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/>
              <a:r>
                <a:rPr lang="ja-JP" altLang="en-US" sz="22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どうしよう</a:t>
              </a:r>
              <a:r>
                <a:rPr kumimoji="1" lang="ja-JP" altLang="en-US" sz="22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・・・</a:t>
              </a:r>
            </a:p>
          </p:txBody>
        </p:sp>
      </p:grp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1.</a:t>
            </a:r>
            <a:r>
              <a:rPr lang="ja-JP" altLang="en-US" dirty="0"/>
              <a:t> ウイルスに感染してしまったら？</a:t>
            </a:r>
          </a:p>
        </p:txBody>
      </p:sp>
      <p:sp>
        <p:nvSpPr>
          <p:cNvPr id="30" name="テキスト ボックス 29"/>
          <p:cNvSpPr txBox="1"/>
          <p:nvPr/>
        </p:nvSpPr>
        <p:spPr>
          <a:xfrm>
            <a:off x="68348" y="1048261"/>
            <a:ext cx="8935951" cy="16466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ところが、そのあとからスマートフォンのうごきがおかし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くなってしまいました。そのうえ、しらない人やお店から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大量にメールが届くようになったのです。</a:t>
            </a:r>
          </a:p>
        </p:txBody>
      </p:sp>
      <p:grpSp>
        <p:nvGrpSpPr>
          <p:cNvPr id="54" name="グループ化 53"/>
          <p:cNvGrpSpPr/>
          <p:nvPr/>
        </p:nvGrpSpPr>
        <p:grpSpPr>
          <a:xfrm rot="21056550">
            <a:off x="2389983" y="2887064"/>
            <a:ext cx="989180" cy="647607"/>
            <a:chOff x="6347189" y="1750532"/>
            <a:chExt cx="1555386" cy="1018297"/>
          </a:xfrm>
        </p:grpSpPr>
        <p:sp>
          <p:nvSpPr>
            <p:cNvPr id="55" name="正方形/長方形 54"/>
            <p:cNvSpPr/>
            <p:nvPr/>
          </p:nvSpPr>
          <p:spPr>
            <a:xfrm rot="21600000">
              <a:off x="6369180" y="1750937"/>
              <a:ext cx="1532168" cy="1017891"/>
            </a:xfrm>
            <a:prstGeom prst="rect">
              <a:avLst/>
            </a:prstGeom>
            <a:solidFill>
              <a:schemeClr val="bg1">
                <a:lumMod val="85000"/>
              </a:schemeClr>
            </a:solidFill>
            <a:ln w="19050">
              <a:noFill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cxnSp>
          <p:nvCxnSpPr>
            <p:cNvPr id="56" name="直線コネクタ 55"/>
            <p:cNvCxnSpPr/>
            <p:nvPr/>
          </p:nvCxnSpPr>
          <p:spPr>
            <a:xfrm flipV="1">
              <a:off x="6369179" y="2194456"/>
              <a:ext cx="758951" cy="574373"/>
            </a:xfrm>
            <a:prstGeom prst="line">
              <a:avLst/>
            </a:prstGeom>
            <a:ln>
              <a:solidFill>
                <a:schemeClr val="bg1">
                  <a:lumMod val="6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7" name="直線コネクタ 56"/>
            <p:cNvCxnSpPr/>
            <p:nvPr/>
          </p:nvCxnSpPr>
          <p:spPr>
            <a:xfrm flipH="1" flipV="1">
              <a:off x="7135250" y="2196828"/>
              <a:ext cx="767325" cy="568597"/>
            </a:xfrm>
            <a:prstGeom prst="line">
              <a:avLst/>
            </a:prstGeom>
            <a:ln>
              <a:solidFill>
                <a:schemeClr val="bg1">
                  <a:lumMod val="6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8" name="二等辺三角形 57"/>
            <p:cNvSpPr/>
            <p:nvPr/>
          </p:nvSpPr>
          <p:spPr>
            <a:xfrm rot="21600000" flipH="1" flipV="1">
              <a:off x="6347189" y="1750532"/>
              <a:ext cx="1528269" cy="567627"/>
            </a:xfrm>
            <a:prstGeom prst="triangle">
              <a:avLst/>
            </a:prstGeom>
            <a:solidFill>
              <a:schemeClr val="bg1">
                <a:lumMod val="95000"/>
              </a:schemeClr>
            </a:solidFill>
            <a:ln w="19050">
              <a:noFill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</p:grpSp>
      <p:grpSp>
        <p:nvGrpSpPr>
          <p:cNvPr id="3" name="グループ化 2"/>
          <p:cNvGrpSpPr/>
          <p:nvPr/>
        </p:nvGrpSpPr>
        <p:grpSpPr>
          <a:xfrm>
            <a:off x="-888419" y="2193807"/>
            <a:ext cx="4972779" cy="2388257"/>
            <a:chOff x="-667702" y="1859917"/>
            <a:chExt cx="4972779" cy="2388257"/>
          </a:xfrm>
        </p:grpSpPr>
        <p:grpSp>
          <p:nvGrpSpPr>
            <p:cNvPr id="100" name="グループ化 99"/>
            <p:cNvGrpSpPr/>
            <p:nvPr/>
          </p:nvGrpSpPr>
          <p:grpSpPr>
            <a:xfrm rot="898190" flipH="1">
              <a:off x="-667702" y="1859917"/>
              <a:ext cx="4972779" cy="2388257"/>
              <a:chOff x="5257801" y="2339800"/>
              <a:chExt cx="5067300" cy="2590800"/>
            </a:xfrm>
          </p:grpSpPr>
          <p:sp>
            <p:nvSpPr>
              <p:cNvPr id="101" name="雲 31"/>
              <p:cNvSpPr/>
              <p:nvPr/>
            </p:nvSpPr>
            <p:spPr>
              <a:xfrm rot="6158944">
                <a:off x="6253403" y="1704534"/>
                <a:ext cx="2016069" cy="3880382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12 w 43256"/>
                  <a:gd name="connsiteY13" fmla="*/ 35606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606 w 43256"/>
                  <a:gd name="connsiteY14" fmla="*/ 35594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606 w 43256"/>
                  <a:gd name="connsiteY14" fmla="*/ 35594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606 w 43256"/>
                  <a:gd name="connsiteY14" fmla="*/ 35594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982 w 43256"/>
                  <a:gd name="connsiteY14" fmla="*/ 35098 h 43219"/>
                  <a:gd name="connsiteX15" fmla="*/ 35606 w 43256"/>
                  <a:gd name="connsiteY15" fmla="*/ 35594 h 43219"/>
                  <a:gd name="connsiteX16" fmla="*/ 35118 w 43256"/>
                  <a:gd name="connsiteY16" fmla="*/ 36183 h 43219"/>
                  <a:gd name="connsiteX17" fmla="*/ 28591 w 43256"/>
                  <a:gd name="connsiteY17" fmla="*/ 36674 h 43219"/>
                  <a:gd name="connsiteX18" fmla="*/ 23703 w 43256"/>
                  <a:gd name="connsiteY18" fmla="*/ 42965 h 43219"/>
                  <a:gd name="connsiteX19" fmla="*/ 16516 w 43256"/>
                  <a:gd name="connsiteY19" fmla="*/ 39125 h 43219"/>
                  <a:gd name="connsiteX20" fmla="*/ 5840 w 43256"/>
                  <a:gd name="connsiteY20" fmla="*/ 35331 h 43219"/>
                  <a:gd name="connsiteX21" fmla="*/ 1146 w 43256"/>
                  <a:gd name="connsiteY21" fmla="*/ 31109 h 43219"/>
                  <a:gd name="connsiteX22" fmla="*/ 2149 w 43256"/>
                  <a:gd name="connsiteY22" fmla="*/ 25410 h 43219"/>
                  <a:gd name="connsiteX23" fmla="*/ 31 w 43256"/>
                  <a:gd name="connsiteY23" fmla="*/ 19563 h 43219"/>
                  <a:gd name="connsiteX24" fmla="*/ 3899 w 43256"/>
                  <a:gd name="connsiteY24" fmla="*/ 14366 h 43219"/>
                  <a:gd name="connsiteX25" fmla="*/ 3936 w 43256"/>
                  <a:gd name="connsiteY25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606 w 43256"/>
                  <a:gd name="connsiteY14" fmla="*/ 35594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41144 w 43256"/>
                  <a:gd name="connsiteY13" fmla="*/ 37651 h 43219"/>
                  <a:gd name="connsiteX14" fmla="*/ 35118 w 43256"/>
                  <a:gd name="connsiteY14" fmla="*/ 36183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1144 w 43256"/>
                  <a:gd name="connsiteY12" fmla="*/ 37651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1144 w 43256"/>
                  <a:gd name="connsiteY12" fmla="*/ 37651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1144 w 43256"/>
                  <a:gd name="connsiteY12" fmla="*/ 37651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5118 w 43256"/>
                  <a:gd name="connsiteY13" fmla="*/ 36183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4806 w 43256"/>
                  <a:gd name="connsiteY13" fmla="*/ 35056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4806 w 43256"/>
                  <a:gd name="connsiteY13" fmla="*/ 35056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42175 w 43256"/>
                  <a:gd name="connsiteY12" fmla="*/ 39794 h 43219"/>
                  <a:gd name="connsiteX13" fmla="*/ 34806 w 43256"/>
                  <a:gd name="connsiteY13" fmla="*/ 35056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175 w 43367"/>
                  <a:gd name="connsiteY12" fmla="*/ 39794 h 43219"/>
                  <a:gd name="connsiteX13" fmla="*/ 34806 w 43367"/>
                  <a:gd name="connsiteY13" fmla="*/ 35056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820 w 43367"/>
                  <a:gd name="connsiteY12" fmla="*/ 40458 h 43219"/>
                  <a:gd name="connsiteX13" fmla="*/ 34806 w 43367"/>
                  <a:gd name="connsiteY13" fmla="*/ 35056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820 w 43367"/>
                  <a:gd name="connsiteY12" fmla="*/ 40458 h 43219"/>
                  <a:gd name="connsiteX13" fmla="*/ 34806 w 43367"/>
                  <a:gd name="connsiteY13" fmla="*/ 35056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820 w 43367"/>
                  <a:gd name="connsiteY12" fmla="*/ 40458 h 43219"/>
                  <a:gd name="connsiteX13" fmla="*/ 34840 w 43367"/>
                  <a:gd name="connsiteY13" fmla="*/ 35172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42820 w 43367"/>
                  <a:gd name="connsiteY12" fmla="*/ 40458 h 43219"/>
                  <a:gd name="connsiteX13" fmla="*/ 34840 w 43367"/>
                  <a:gd name="connsiteY13" fmla="*/ 35172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446"/>
                  <a:gd name="connsiteY0" fmla="*/ 14229 h 43219"/>
                  <a:gd name="connsiteX1" fmla="*/ 5659 w 43446"/>
                  <a:gd name="connsiteY1" fmla="*/ 6766 h 43219"/>
                  <a:gd name="connsiteX2" fmla="*/ 14041 w 43446"/>
                  <a:gd name="connsiteY2" fmla="*/ 5061 h 43219"/>
                  <a:gd name="connsiteX3" fmla="*/ 22492 w 43446"/>
                  <a:gd name="connsiteY3" fmla="*/ 3291 h 43219"/>
                  <a:gd name="connsiteX4" fmla="*/ 25785 w 43446"/>
                  <a:gd name="connsiteY4" fmla="*/ 59 h 43219"/>
                  <a:gd name="connsiteX5" fmla="*/ 29869 w 43446"/>
                  <a:gd name="connsiteY5" fmla="*/ 2340 h 43219"/>
                  <a:gd name="connsiteX6" fmla="*/ 35499 w 43446"/>
                  <a:gd name="connsiteY6" fmla="*/ 549 h 43219"/>
                  <a:gd name="connsiteX7" fmla="*/ 38354 w 43446"/>
                  <a:gd name="connsiteY7" fmla="*/ 5435 h 43219"/>
                  <a:gd name="connsiteX8" fmla="*/ 42018 w 43446"/>
                  <a:gd name="connsiteY8" fmla="*/ 10177 h 43219"/>
                  <a:gd name="connsiteX9" fmla="*/ 41854 w 43446"/>
                  <a:gd name="connsiteY9" fmla="*/ 15319 h 43219"/>
                  <a:gd name="connsiteX10" fmla="*/ 43052 w 43446"/>
                  <a:gd name="connsiteY10" fmla="*/ 23181 h 43219"/>
                  <a:gd name="connsiteX11" fmla="*/ 37286 w 43446"/>
                  <a:gd name="connsiteY11" fmla="*/ 30591 h 43219"/>
                  <a:gd name="connsiteX12" fmla="*/ 43446 w 43446"/>
                  <a:gd name="connsiteY12" fmla="*/ 40687 h 43219"/>
                  <a:gd name="connsiteX13" fmla="*/ 34840 w 43446"/>
                  <a:gd name="connsiteY13" fmla="*/ 35172 h 43219"/>
                  <a:gd name="connsiteX14" fmla="*/ 28591 w 43446"/>
                  <a:gd name="connsiteY14" fmla="*/ 36674 h 43219"/>
                  <a:gd name="connsiteX15" fmla="*/ 23703 w 43446"/>
                  <a:gd name="connsiteY15" fmla="*/ 42965 h 43219"/>
                  <a:gd name="connsiteX16" fmla="*/ 16516 w 43446"/>
                  <a:gd name="connsiteY16" fmla="*/ 39125 h 43219"/>
                  <a:gd name="connsiteX17" fmla="*/ 5840 w 43446"/>
                  <a:gd name="connsiteY17" fmla="*/ 35331 h 43219"/>
                  <a:gd name="connsiteX18" fmla="*/ 1146 w 43446"/>
                  <a:gd name="connsiteY18" fmla="*/ 31109 h 43219"/>
                  <a:gd name="connsiteX19" fmla="*/ 2149 w 43446"/>
                  <a:gd name="connsiteY19" fmla="*/ 25410 h 43219"/>
                  <a:gd name="connsiteX20" fmla="*/ 31 w 43446"/>
                  <a:gd name="connsiteY20" fmla="*/ 19563 h 43219"/>
                  <a:gd name="connsiteX21" fmla="*/ 3899 w 43446"/>
                  <a:gd name="connsiteY21" fmla="*/ 14366 h 43219"/>
                  <a:gd name="connsiteX22" fmla="*/ 3936 w 43446"/>
                  <a:gd name="connsiteY22" fmla="*/ 14229 h 43219"/>
                  <a:gd name="connsiteX0" fmla="*/ 28619 w 43446"/>
                  <a:gd name="connsiteY0" fmla="*/ 36455 h 43219"/>
                  <a:gd name="connsiteX1" fmla="*/ 28596 w 43446"/>
                  <a:gd name="connsiteY1" fmla="*/ 36519 h 43219"/>
                  <a:gd name="connsiteX0" fmla="*/ 3936 w 43446"/>
                  <a:gd name="connsiteY0" fmla="*/ 14229 h 43219"/>
                  <a:gd name="connsiteX1" fmla="*/ 5659 w 43446"/>
                  <a:gd name="connsiteY1" fmla="*/ 6766 h 43219"/>
                  <a:gd name="connsiteX2" fmla="*/ 14041 w 43446"/>
                  <a:gd name="connsiteY2" fmla="*/ 5061 h 43219"/>
                  <a:gd name="connsiteX3" fmla="*/ 22492 w 43446"/>
                  <a:gd name="connsiteY3" fmla="*/ 3291 h 43219"/>
                  <a:gd name="connsiteX4" fmla="*/ 25785 w 43446"/>
                  <a:gd name="connsiteY4" fmla="*/ 59 h 43219"/>
                  <a:gd name="connsiteX5" fmla="*/ 29869 w 43446"/>
                  <a:gd name="connsiteY5" fmla="*/ 2340 h 43219"/>
                  <a:gd name="connsiteX6" fmla="*/ 35499 w 43446"/>
                  <a:gd name="connsiteY6" fmla="*/ 549 h 43219"/>
                  <a:gd name="connsiteX7" fmla="*/ 38354 w 43446"/>
                  <a:gd name="connsiteY7" fmla="*/ 5435 h 43219"/>
                  <a:gd name="connsiteX8" fmla="*/ 42018 w 43446"/>
                  <a:gd name="connsiteY8" fmla="*/ 10177 h 43219"/>
                  <a:gd name="connsiteX9" fmla="*/ 41854 w 43446"/>
                  <a:gd name="connsiteY9" fmla="*/ 15319 h 43219"/>
                  <a:gd name="connsiteX10" fmla="*/ 43052 w 43446"/>
                  <a:gd name="connsiteY10" fmla="*/ 23181 h 43219"/>
                  <a:gd name="connsiteX11" fmla="*/ 37286 w 43446"/>
                  <a:gd name="connsiteY11" fmla="*/ 30591 h 43219"/>
                  <a:gd name="connsiteX12" fmla="*/ 43446 w 43446"/>
                  <a:gd name="connsiteY12" fmla="*/ 40687 h 43219"/>
                  <a:gd name="connsiteX13" fmla="*/ 34840 w 43446"/>
                  <a:gd name="connsiteY13" fmla="*/ 35172 h 43219"/>
                  <a:gd name="connsiteX14" fmla="*/ 28591 w 43446"/>
                  <a:gd name="connsiteY14" fmla="*/ 36674 h 43219"/>
                  <a:gd name="connsiteX15" fmla="*/ 23703 w 43446"/>
                  <a:gd name="connsiteY15" fmla="*/ 42965 h 43219"/>
                  <a:gd name="connsiteX16" fmla="*/ 16516 w 43446"/>
                  <a:gd name="connsiteY16" fmla="*/ 39125 h 43219"/>
                  <a:gd name="connsiteX17" fmla="*/ 5840 w 43446"/>
                  <a:gd name="connsiteY17" fmla="*/ 35331 h 43219"/>
                  <a:gd name="connsiteX18" fmla="*/ 1146 w 43446"/>
                  <a:gd name="connsiteY18" fmla="*/ 31109 h 43219"/>
                  <a:gd name="connsiteX19" fmla="*/ 2149 w 43446"/>
                  <a:gd name="connsiteY19" fmla="*/ 25410 h 43219"/>
                  <a:gd name="connsiteX20" fmla="*/ 31 w 43446"/>
                  <a:gd name="connsiteY20" fmla="*/ 19563 h 43219"/>
                  <a:gd name="connsiteX21" fmla="*/ 3899 w 43446"/>
                  <a:gd name="connsiteY21" fmla="*/ 14366 h 43219"/>
                  <a:gd name="connsiteX22" fmla="*/ 3936 w 43446"/>
                  <a:gd name="connsiteY22" fmla="*/ 14229 h 43219"/>
                  <a:gd name="connsiteX0" fmla="*/ 28619 w 43446"/>
                  <a:gd name="connsiteY0" fmla="*/ 36455 h 43219"/>
                  <a:gd name="connsiteX1" fmla="*/ 28596 w 43446"/>
                  <a:gd name="connsiteY1" fmla="*/ 36519 h 43219"/>
                  <a:gd name="connsiteX0" fmla="*/ 3936 w 43367"/>
                  <a:gd name="connsiteY0" fmla="*/ 14229 h 43888"/>
                  <a:gd name="connsiteX1" fmla="*/ 5659 w 43367"/>
                  <a:gd name="connsiteY1" fmla="*/ 6766 h 43888"/>
                  <a:gd name="connsiteX2" fmla="*/ 14041 w 43367"/>
                  <a:gd name="connsiteY2" fmla="*/ 5061 h 43888"/>
                  <a:gd name="connsiteX3" fmla="*/ 22492 w 43367"/>
                  <a:gd name="connsiteY3" fmla="*/ 3291 h 43888"/>
                  <a:gd name="connsiteX4" fmla="*/ 25785 w 43367"/>
                  <a:gd name="connsiteY4" fmla="*/ 59 h 43888"/>
                  <a:gd name="connsiteX5" fmla="*/ 29869 w 43367"/>
                  <a:gd name="connsiteY5" fmla="*/ 2340 h 43888"/>
                  <a:gd name="connsiteX6" fmla="*/ 35499 w 43367"/>
                  <a:gd name="connsiteY6" fmla="*/ 549 h 43888"/>
                  <a:gd name="connsiteX7" fmla="*/ 38354 w 43367"/>
                  <a:gd name="connsiteY7" fmla="*/ 5435 h 43888"/>
                  <a:gd name="connsiteX8" fmla="*/ 42018 w 43367"/>
                  <a:gd name="connsiteY8" fmla="*/ 10177 h 43888"/>
                  <a:gd name="connsiteX9" fmla="*/ 41854 w 43367"/>
                  <a:gd name="connsiteY9" fmla="*/ 15319 h 43888"/>
                  <a:gd name="connsiteX10" fmla="*/ 43052 w 43367"/>
                  <a:gd name="connsiteY10" fmla="*/ 23181 h 43888"/>
                  <a:gd name="connsiteX11" fmla="*/ 37286 w 43367"/>
                  <a:gd name="connsiteY11" fmla="*/ 30591 h 43888"/>
                  <a:gd name="connsiteX12" fmla="*/ 37570 w 43367"/>
                  <a:gd name="connsiteY12" fmla="*/ 43888 h 43888"/>
                  <a:gd name="connsiteX13" fmla="*/ 34840 w 43367"/>
                  <a:gd name="connsiteY13" fmla="*/ 35172 h 43888"/>
                  <a:gd name="connsiteX14" fmla="*/ 28591 w 43367"/>
                  <a:gd name="connsiteY14" fmla="*/ 36674 h 43888"/>
                  <a:gd name="connsiteX15" fmla="*/ 23703 w 43367"/>
                  <a:gd name="connsiteY15" fmla="*/ 42965 h 43888"/>
                  <a:gd name="connsiteX16" fmla="*/ 16516 w 43367"/>
                  <a:gd name="connsiteY16" fmla="*/ 39125 h 43888"/>
                  <a:gd name="connsiteX17" fmla="*/ 5840 w 43367"/>
                  <a:gd name="connsiteY17" fmla="*/ 35331 h 43888"/>
                  <a:gd name="connsiteX18" fmla="*/ 1146 w 43367"/>
                  <a:gd name="connsiteY18" fmla="*/ 31109 h 43888"/>
                  <a:gd name="connsiteX19" fmla="*/ 2149 w 43367"/>
                  <a:gd name="connsiteY19" fmla="*/ 25410 h 43888"/>
                  <a:gd name="connsiteX20" fmla="*/ 31 w 43367"/>
                  <a:gd name="connsiteY20" fmla="*/ 19563 h 43888"/>
                  <a:gd name="connsiteX21" fmla="*/ 3899 w 43367"/>
                  <a:gd name="connsiteY21" fmla="*/ 14366 h 43888"/>
                  <a:gd name="connsiteX22" fmla="*/ 3936 w 43367"/>
                  <a:gd name="connsiteY22" fmla="*/ 14229 h 43888"/>
                  <a:gd name="connsiteX0" fmla="*/ 28619 w 43367"/>
                  <a:gd name="connsiteY0" fmla="*/ 36455 h 43888"/>
                  <a:gd name="connsiteX1" fmla="*/ 28596 w 43367"/>
                  <a:gd name="connsiteY1" fmla="*/ 36519 h 43888"/>
                  <a:gd name="connsiteX0" fmla="*/ 3936 w 43367"/>
                  <a:gd name="connsiteY0" fmla="*/ 14229 h 43888"/>
                  <a:gd name="connsiteX1" fmla="*/ 5659 w 43367"/>
                  <a:gd name="connsiteY1" fmla="*/ 6766 h 43888"/>
                  <a:gd name="connsiteX2" fmla="*/ 14041 w 43367"/>
                  <a:gd name="connsiteY2" fmla="*/ 5061 h 43888"/>
                  <a:gd name="connsiteX3" fmla="*/ 22492 w 43367"/>
                  <a:gd name="connsiteY3" fmla="*/ 3291 h 43888"/>
                  <a:gd name="connsiteX4" fmla="*/ 25785 w 43367"/>
                  <a:gd name="connsiteY4" fmla="*/ 59 h 43888"/>
                  <a:gd name="connsiteX5" fmla="*/ 29869 w 43367"/>
                  <a:gd name="connsiteY5" fmla="*/ 2340 h 43888"/>
                  <a:gd name="connsiteX6" fmla="*/ 35499 w 43367"/>
                  <a:gd name="connsiteY6" fmla="*/ 549 h 43888"/>
                  <a:gd name="connsiteX7" fmla="*/ 38354 w 43367"/>
                  <a:gd name="connsiteY7" fmla="*/ 5435 h 43888"/>
                  <a:gd name="connsiteX8" fmla="*/ 42018 w 43367"/>
                  <a:gd name="connsiteY8" fmla="*/ 10177 h 43888"/>
                  <a:gd name="connsiteX9" fmla="*/ 41854 w 43367"/>
                  <a:gd name="connsiteY9" fmla="*/ 15319 h 43888"/>
                  <a:gd name="connsiteX10" fmla="*/ 43052 w 43367"/>
                  <a:gd name="connsiteY10" fmla="*/ 23181 h 43888"/>
                  <a:gd name="connsiteX11" fmla="*/ 37286 w 43367"/>
                  <a:gd name="connsiteY11" fmla="*/ 30591 h 43888"/>
                  <a:gd name="connsiteX12" fmla="*/ 37570 w 43367"/>
                  <a:gd name="connsiteY12" fmla="*/ 43888 h 43888"/>
                  <a:gd name="connsiteX13" fmla="*/ 34840 w 43367"/>
                  <a:gd name="connsiteY13" fmla="*/ 35172 h 43888"/>
                  <a:gd name="connsiteX14" fmla="*/ 28591 w 43367"/>
                  <a:gd name="connsiteY14" fmla="*/ 36674 h 43888"/>
                  <a:gd name="connsiteX15" fmla="*/ 23703 w 43367"/>
                  <a:gd name="connsiteY15" fmla="*/ 42965 h 43888"/>
                  <a:gd name="connsiteX16" fmla="*/ 16516 w 43367"/>
                  <a:gd name="connsiteY16" fmla="*/ 39125 h 43888"/>
                  <a:gd name="connsiteX17" fmla="*/ 5840 w 43367"/>
                  <a:gd name="connsiteY17" fmla="*/ 35331 h 43888"/>
                  <a:gd name="connsiteX18" fmla="*/ 1146 w 43367"/>
                  <a:gd name="connsiteY18" fmla="*/ 31109 h 43888"/>
                  <a:gd name="connsiteX19" fmla="*/ 2149 w 43367"/>
                  <a:gd name="connsiteY19" fmla="*/ 25410 h 43888"/>
                  <a:gd name="connsiteX20" fmla="*/ 31 w 43367"/>
                  <a:gd name="connsiteY20" fmla="*/ 19563 h 43888"/>
                  <a:gd name="connsiteX21" fmla="*/ 3899 w 43367"/>
                  <a:gd name="connsiteY21" fmla="*/ 14366 h 43888"/>
                  <a:gd name="connsiteX22" fmla="*/ 3936 w 43367"/>
                  <a:gd name="connsiteY22" fmla="*/ 14229 h 43888"/>
                  <a:gd name="connsiteX0" fmla="*/ 28619 w 43367"/>
                  <a:gd name="connsiteY0" fmla="*/ 36455 h 43888"/>
                  <a:gd name="connsiteX1" fmla="*/ 28596 w 43367"/>
                  <a:gd name="connsiteY1" fmla="*/ 36519 h 43888"/>
                  <a:gd name="connsiteX0" fmla="*/ 3936 w 43367"/>
                  <a:gd name="connsiteY0" fmla="*/ 14229 h 43888"/>
                  <a:gd name="connsiteX1" fmla="*/ 5659 w 43367"/>
                  <a:gd name="connsiteY1" fmla="*/ 6766 h 43888"/>
                  <a:gd name="connsiteX2" fmla="*/ 14041 w 43367"/>
                  <a:gd name="connsiteY2" fmla="*/ 5061 h 43888"/>
                  <a:gd name="connsiteX3" fmla="*/ 22492 w 43367"/>
                  <a:gd name="connsiteY3" fmla="*/ 3291 h 43888"/>
                  <a:gd name="connsiteX4" fmla="*/ 25785 w 43367"/>
                  <a:gd name="connsiteY4" fmla="*/ 59 h 43888"/>
                  <a:gd name="connsiteX5" fmla="*/ 29869 w 43367"/>
                  <a:gd name="connsiteY5" fmla="*/ 2340 h 43888"/>
                  <a:gd name="connsiteX6" fmla="*/ 35499 w 43367"/>
                  <a:gd name="connsiteY6" fmla="*/ 549 h 43888"/>
                  <a:gd name="connsiteX7" fmla="*/ 38354 w 43367"/>
                  <a:gd name="connsiteY7" fmla="*/ 5435 h 43888"/>
                  <a:gd name="connsiteX8" fmla="*/ 42018 w 43367"/>
                  <a:gd name="connsiteY8" fmla="*/ 10177 h 43888"/>
                  <a:gd name="connsiteX9" fmla="*/ 41854 w 43367"/>
                  <a:gd name="connsiteY9" fmla="*/ 15319 h 43888"/>
                  <a:gd name="connsiteX10" fmla="*/ 43052 w 43367"/>
                  <a:gd name="connsiteY10" fmla="*/ 23181 h 43888"/>
                  <a:gd name="connsiteX11" fmla="*/ 37286 w 43367"/>
                  <a:gd name="connsiteY11" fmla="*/ 30591 h 43888"/>
                  <a:gd name="connsiteX12" fmla="*/ 37570 w 43367"/>
                  <a:gd name="connsiteY12" fmla="*/ 43888 h 43888"/>
                  <a:gd name="connsiteX13" fmla="*/ 34840 w 43367"/>
                  <a:gd name="connsiteY13" fmla="*/ 35172 h 43888"/>
                  <a:gd name="connsiteX14" fmla="*/ 28591 w 43367"/>
                  <a:gd name="connsiteY14" fmla="*/ 36674 h 43888"/>
                  <a:gd name="connsiteX15" fmla="*/ 23703 w 43367"/>
                  <a:gd name="connsiteY15" fmla="*/ 42965 h 43888"/>
                  <a:gd name="connsiteX16" fmla="*/ 16516 w 43367"/>
                  <a:gd name="connsiteY16" fmla="*/ 39125 h 43888"/>
                  <a:gd name="connsiteX17" fmla="*/ 5840 w 43367"/>
                  <a:gd name="connsiteY17" fmla="*/ 35331 h 43888"/>
                  <a:gd name="connsiteX18" fmla="*/ 1146 w 43367"/>
                  <a:gd name="connsiteY18" fmla="*/ 31109 h 43888"/>
                  <a:gd name="connsiteX19" fmla="*/ 2149 w 43367"/>
                  <a:gd name="connsiteY19" fmla="*/ 25410 h 43888"/>
                  <a:gd name="connsiteX20" fmla="*/ 31 w 43367"/>
                  <a:gd name="connsiteY20" fmla="*/ 19563 h 43888"/>
                  <a:gd name="connsiteX21" fmla="*/ 3899 w 43367"/>
                  <a:gd name="connsiteY21" fmla="*/ 14366 h 43888"/>
                  <a:gd name="connsiteX22" fmla="*/ 3936 w 43367"/>
                  <a:gd name="connsiteY22" fmla="*/ 14229 h 43888"/>
                  <a:gd name="connsiteX0" fmla="*/ 28619 w 43367"/>
                  <a:gd name="connsiteY0" fmla="*/ 36455 h 43888"/>
                  <a:gd name="connsiteX1" fmla="*/ 28596 w 43367"/>
                  <a:gd name="connsiteY1" fmla="*/ 36519 h 43888"/>
                  <a:gd name="connsiteX0" fmla="*/ 3936 w 43367"/>
                  <a:gd name="connsiteY0" fmla="*/ 14229 h 43219"/>
                  <a:gd name="connsiteX1" fmla="*/ 5659 w 43367"/>
                  <a:gd name="connsiteY1" fmla="*/ 6766 h 43219"/>
                  <a:gd name="connsiteX2" fmla="*/ 14041 w 43367"/>
                  <a:gd name="connsiteY2" fmla="*/ 5061 h 43219"/>
                  <a:gd name="connsiteX3" fmla="*/ 22492 w 43367"/>
                  <a:gd name="connsiteY3" fmla="*/ 3291 h 43219"/>
                  <a:gd name="connsiteX4" fmla="*/ 25785 w 43367"/>
                  <a:gd name="connsiteY4" fmla="*/ 59 h 43219"/>
                  <a:gd name="connsiteX5" fmla="*/ 29869 w 43367"/>
                  <a:gd name="connsiteY5" fmla="*/ 2340 h 43219"/>
                  <a:gd name="connsiteX6" fmla="*/ 35499 w 43367"/>
                  <a:gd name="connsiteY6" fmla="*/ 549 h 43219"/>
                  <a:gd name="connsiteX7" fmla="*/ 38354 w 43367"/>
                  <a:gd name="connsiteY7" fmla="*/ 5435 h 43219"/>
                  <a:gd name="connsiteX8" fmla="*/ 42018 w 43367"/>
                  <a:gd name="connsiteY8" fmla="*/ 10177 h 43219"/>
                  <a:gd name="connsiteX9" fmla="*/ 41854 w 43367"/>
                  <a:gd name="connsiteY9" fmla="*/ 15319 h 43219"/>
                  <a:gd name="connsiteX10" fmla="*/ 43052 w 43367"/>
                  <a:gd name="connsiteY10" fmla="*/ 23181 h 43219"/>
                  <a:gd name="connsiteX11" fmla="*/ 37286 w 43367"/>
                  <a:gd name="connsiteY11" fmla="*/ 30591 h 43219"/>
                  <a:gd name="connsiteX12" fmla="*/ 36183 w 43367"/>
                  <a:gd name="connsiteY12" fmla="*/ 41947 h 43219"/>
                  <a:gd name="connsiteX13" fmla="*/ 34840 w 43367"/>
                  <a:gd name="connsiteY13" fmla="*/ 35172 h 43219"/>
                  <a:gd name="connsiteX14" fmla="*/ 28591 w 43367"/>
                  <a:gd name="connsiteY14" fmla="*/ 36674 h 43219"/>
                  <a:gd name="connsiteX15" fmla="*/ 23703 w 43367"/>
                  <a:gd name="connsiteY15" fmla="*/ 42965 h 43219"/>
                  <a:gd name="connsiteX16" fmla="*/ 16516 w 43367"/>
                  <a:gd name="connsiteY16" fmla="*/ 39125 h 43219"/>
                  <a:gd name="connsiteX17" fmla="*/ 5840 w 43367"/>
                  <a:gd name="connsiteY17" fmla="*/ 35331 h 43219"/>
                  <a:gd name="connsiteX18" fmla="*/ 1146 w 43367"/>
                  <a:gd name="connsiteY18" fmla="*/ 31109 h 43219"/>
                  <a:gd name="connsiteX19" fmla="*/ 2149 w 43367"/>
                  <a:gd name="connsiteY19" fmla="*/ 25410 h 43219"/>
                  <a:gd name="connsiteX20" fmla="*/ 31 w 43367"/>
                  <a:gd name="connsiteY20" fmla="*/ 19563 h 43219"/>
                  <a:gd name="connsiteX21" fmla="*/ 3899 w 43367"/>
                  <a:gd name="connsiteY21" fmla="*/ 14366 h 43219"/>
                  <a:gd name="connsiteX22" fmla="*/ 3936 w 43367"/>
                  <a:gd name="connsiteY22" fmla="*/ 14229 h 43219"/>
                  <a:gd name="connsiteX0" fmla="*/ 28619 w 43367"/>
                  <a:gd name="connsiteY0" fmla="*/ 36455 h 43219"/>
                  <a:gd name="connsiteX1" fmla="*/ 28596 w 43367"/>
                  <a:gd name="connsiteY1" fmla="*/ 36519 h 43219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3367"/>
                  <a:gd name="connsiteY0" fmla="*/ 14229 h 47824"/>
                  <a:gd name="connsiteX1" fmla="*/ 5659 w 43367"/>
                  <a:gd name="connsiteY1" fmla="*/ 6766 h 47824"/>
                  <a:gd name="connsiteX2" fmla="*/ 14041 w 43367"/>
                  <a:gd name="connsiteY2" fmla="*/ 5061 h 47824"/>
                  <a:gd name="connsiteX3" fmla="*/ 22492 w 43367"/>
                  <a:gd name="connsiteY3" fmla="*/ 3291 h 47824"/>
                  <a:gd name="connsiteX4" fmla="*/ 25785 w 43367"/>
                  <a:gd name="connsiteY4" fmla="*/ 59 h 47824"/>
                  <a:gd name="connsiteX5" fmla="*/ 29869 w 43367"/>
                  <a:gd name="connsiteY5" fmla="*/ 2340 h 47824"/>
                  <a:gd name="connsiteX6" fmla="*/ 35499 w 43367"/>
                  <a:gd name="connsiteY6" fmla="*/ 549 h 47824"/>
                  <a:gd name="connsiteX7" fmla="*/ 38354 w 43367"/>
                  <a:gd name="connsiteY7" fmla="*/ 5435 h 47824"/>
                  <a:gd name="connsiteX8" fmla="*/ 42018 w 43367"/>
                  <a:gd name="connsiteY8" fmla="*/ 10177 h 47824"/>
                  <a:gd name="connsiteX9" fmla="*/ 41854 w 43367"/>
                  <a:gd name="connsiteY9" fmla="*/ 15319 h 47824"/>
                  <a:gd name="connsiteX10" fmla="*/ 43052 w 43367"/>
                  <a:gd name="connsiteY10" fmla="*/ 23181 h 47824"/>
                  <a:gd name="connsiteX11" fmla="*/ 37286 w 43367"/>
                  <a:gd name="connsiteY11" fmla="*/ 30591 h 47824"/>
                  <a:gd name="connsiteX12" fmla="*/ 35257 w 43367"/>
                  <a:gd name="connsiteY12" fmla="*/ 47824 h 47824"/>
                  <a:gd name="connsiteX13" fmla="*/ 34840 w 43367"/>
                  <a:gd name="connsiteY13" fmla="*/ 35172 h 47824"/>
                  <a:gd name="connsiteX14" fmla="*/ 28591 w 43367"/>
                  <a:gd name="connsiteY14" fmla="*/ 36674 h 47824"/>
                  <a:gd name="connsiteX15" fmla="*/ 23703 w 43367"/>
                  <a:gd name="connsiteY15" fmla="*/ 42965 h 47824"/>
                  <a:gd name="connsiteX16" fmla="*/ 16516 w 43367"/>
                  <a:gd name="connsiteY16" fmla="*/ 39125 h 47824"/>
                  <a:gd name="connsiteX17" fmla="*/ 5840 w 43367"/>
                  <a:gd name="connsiteY17" fmla="*/ 35331 h 47824"/>
                  <a:gd name="connsiteX18" fmla="*/ 1146 w 43367"/>
                  <a:gd name="connsiteY18" fmla="*/ 31109 h 47824"/>
                  <a:gd name="connsiteX19" fmla="*/ 2149 w 43367"/>
                  <a:gd name="connsiteY19" fmla="*/ 25410 h 47824"/>
                  <a:gd name="connsiteX20" fmla="*/ 31 w 43367"/>
                  <a:gd name="connsiteY20" fmla="*/ 19563 h 47824"/>
                  <a:gd name="connsiteX21" fmla="*/ 3899 w 43367"/>
                  <a:gd name="connsiteY21" fmla="*/ 14366 h 47824"/>
                  <a:gd name="connsiteX22" fmla="*/ 3936 w 43367"/>
                  <a:gd name="connsiteY22" fmla="*/ 14229 h 47824"/>
                  <a:gd name="connsiteX0" fmla="*/ 28619 w 43367"/>
                  <a:gd name="connsiteY0" fmla="*/ 36455 h 47824"/>
                  <a:gd name="connsiteX1" fmla="*/ 28596 w 43367"/>
                  <a:gd name="connsiteY1" fmla="*/ 36519 h 47824"/>
                  <a:gd name="connsiteX0" fmla="*/ 3936 w 48181"/>
                  <a:gd name="connsiteY0" fmla="*/ 14229 h 43219"/>
                  <a:gd name="connsiteX1" fmla="*/ 5659 w 48181"/>
                  <a:gd name="connsiteY1" fmla="*/ 6766 h 43219"/>
                  <a:gd name="connsiteX2" fmla="*/ 14041 w 48181"/>
                  <a:gd name="connsiteY2" fmla="*/ 5061 h 43219"/>
                  <a:gd name="connsiteX3" fmla="*/ 22492 w 48181"/>
                  <a:gd name="connsiteY3" fmla="*/ 3291 h 43219"/>
                  <a:gd name="connsiteX4" fmla="*/ 25785 w 48181"/>
                  <a:gd name="connsiteY4" fmla="*/ 59 h 43219"/>
                  <a:gd name="connsiteX5" fmla="*/ 29869 w 48181"/>
                  <a:gd name="connsiteY5" fmla="*/ 2340 h 43219"/>
                  <a:gd name="connsiteX6" fmla="*/ 35499 w 48181"/>
                  <a:gd name="connsiteY6" fmla="*/ 549 h 43219"/>
                  <a:gd name="connsiteX7" fmla="*/ 38354 w 48181"/>
                  <a:gd name="connsiteY7" fmla="*/ 5435 h 43219"/>
                  <a:gd name="connsiteX8" fmla="*/ 42018 w 48181"/>
                  <a:gd name="connsiteY8" fmla="*/ 10177 h 43219"/>
                  <a:gd name="connsiteX9" fmla="*/ 41854 w 48181"/>
                  <a:gd name="connsiteY9" fmla="*/ 15319 h 43219"/>
                  <a:gd name="connsiteX10" fmla="*/ 43052 w 48181"/>
                  <a:gd name="connsiteY10" fmla="*/ 23181 h 43219"/>
                  <a:gd name="connsiteX11" fmla="*/ 37286 w 48181"/>
                  <a:gd name="connsiteY11" fmla="*/ 30591 h 43219"/>
                  <a:gd name="connsiteX12" fmla="*/ 45306 w 48181"/>
                  <a:gd name="connsiteY12" fmla="*/ 37718 h 43219"/>
                  <a:gd name="connsiteX13" fmla="*/ 34840 w 48181"/>
                  <a:gd name="connsiteY13" fmla="*/ 35172 h 43219"/>
                  <a:gd name="connsiteX14" fmla="*/ 28591 w 48181"/>
                  <a:gd name="connsiteY14" fmla="*/ 36674 h 43219"/>
                  <a:gd name="connsiteX15" fmla="*/ 23703 w 48181"/>
                  <a:gd name="connsiteY15" fmla="*/ 42965 h 43219"/>
                  <a:gd name="connsiteX16" fmla="*/ 16516 w 48181"/>
                  <a:gd name="connsiteY16" fmla="*/ 39125 h 43219"/>
                  <a:gd name="connsiteX17" fmla="*/ 5840 w 48181"/>
                  <a:gd name="connsiteY17" fmla="*/ 35331 h 43219"/>
                  <a:gd name="connsiteX18" fmla="*/ 1146 w 48181"/>
                  <a:gd name="connsiteY18" fmla="*/ 31109 h 43219"/>
                  <a:gd name="connsiteX19" fmla="*/ 2149 w 48181"/>
                  <a:gd name="connsiteY19" fmla="*/ 25410 h 43219"/>
                  <a:gd name="connsiteX20" fmla="*/ 31 w 48181"/>
                  <a:gd name="connsiteY20" fmla="*/ 19563 h 43219"/>
                  <a:gd name="connsiteX21" fmla="*/ 3899 w 48181"/>
                  <a:gd name="connsiteY21" fmla="*/ 14366 h 43219"/>
                  <a:gd name="connsiteX22" fmla="*/ 3936 w 48181"/>
                  <a:gd name="connsiteY22" fmla="*/ 14229 h 43219"/>
                  <a:gd name="connsiteX0" fmla="*/ 28619 w 48181"/>
                  <a:gd name="connsiteY0" fmla="*/ 36455 h 43219"/>
                  <a:gd name="connsiteX1" fmla="*/ 28596 w 48181"/>
                  <a:gd name="connsiteY1" fmla="*/ 36519 h 43219"/>
                  <a:gd name="connsiteX0" fmla="*/ 3936 w 48181"/>
                  <a:gd name="connsiteY0" fmla="*/ 14229 h 43219"/>
                  <a:gd name="connsiteX1" fmla="*/ 5659 w 48181"/>
                  <a:gd name="connsiteY1" fmla="*/ 6766 h 43219"/>
                  <a:gd name="connsiteX2" fmla="*/ 14041 w 48181"/>
                  <a:gd name="connsiteY2" fmla="*/ 5061 h 43219"/>
                  <a:gd name="connsiteX3" fmla="*/ 22492 w 48181"/>
                  <a:gd name="connsiteY3" fmla="*/ 3291 h 43219"/>
                  <a:gd name="connsiteX4" fmla="*/ 25785 w 48181"/>
                  <a:gd name="connsiteY4" fmla="*/ 59 h 43219"/>
                  <a:gd name="connsiteX5" fmla="*/ 29869 w 48181"/>
                  <a:gd name="connsiteY5" fmla="*/ 2340 h 43219"/>
                  <a:gd name="connsiteX6" fmla="*/ 35499 w 48181"/>
                  <a:gd name="connsiteY6" fmla="*/ 549 h 43219"/>
                  <a:gd name="connsiteX7" fmla="*/ 38354 w 48181"/>
                  <a:gd name="connsiteY7" fmla="*/ 5435 h 43219"/>
                  <a:gd name="connsiteX8" fmla="*/ 42018 w 48181"/>
                  <a:gd name="connsiteY8" fmla="*/ 10177 h 43219"/>
                  <a:gd name="connsiteX9" fmla="*/ 41854 w 48181"/>
                  <a:gd name="connsiteY9" fmla="*/ 15319 h 43219"/>
                  <a:gd name="connsiteX10" fmla="*/ 43052 w 48181"/>
                  <a:gd name="connsiteY10" fmla="*/ 23181 h 43219"/>
                  <a:gd name="connsiteX11" fmla="*/ 37286 w 48181"/>
                  <a:gd name="connsiteY11" fmla="*/ 30591 h 43219"/>
                  <a:gd name="connsiteX12" fmla="*/ 45306 w 48181"/>
                  <a:gd name="connsiteY12" fmla="*/ 37718 h 43219"/>
                  <a:gd name="connsiteX13" fmla="*/ 34840 w 48181"/>
                  <a:gd name="connsiteY13" fmla="*/ 35172 h 43219"/>
                  <a:gd name="connsiteX14" fmla="*/ 28591 w 48181"/>
                  <a:gd name="connsiteY14" fmla="*/ 36674 h 43219"/>
                  <a:gd name="connsiteX15" fmla="*/ 23703 w 48181"/>
                  <a:gd name="connsiteY15" fmla="*/ 42965 h 43219"/>
                  <a:gd name="connsiteX16" fmla="*/ 16516 w 48181"/>
                  <a:gd name="connsiteY16" fmla="*/ 39125 h 43219"/>
                  <a:gd name="connsiteX17" fmla="*/ 5840 w 48181"/>
                  <a:gd name="connsiteY17" fmla="*/ 35331 h 43219"/>
                  <a:gd name="connsiteX18" fmla="*/ 1146 w 48181"/>
                  <a:gd name="connsiteY18" fmla="*/ 31109 h 43219"/>
                  <a:gd name="connsiteX19" fmla="*/ 2149 w 48181"/>
                  <a:gd name="connsiteY19" fmla="*/ 25410 h 43219"/>
                  <a:gd name="connsiteX20" fmla="*/ 31 w 48181"/>
                  <a:gd name="connsiteY20" fmla="*/ 19563 h 43219"/>
                  <a:gd name="connsiteX21" fmla="*/ 3899 w 48181"/>
                  <a:gd name="connsiteY21" fmla="*/ 14366 h 43219"/>
                  <a:gd name="connsiteX22" fmla="*/ 3936 w 48181"/>
                  <a:gd name="connsiteY22" fmla="*/ 14229 h 43219"/>
                  <a:gd name="connsiteX0" fmla="*/ 28619 w 48181"/>
                  <a:gd name="connsiteY0" fmla="*/ 36455 h 43219"/>
                  <a:gd name="connsiteX1" fmla="*/ 28596 w 48181"/>
                  <a:gd name="connsiteY1" fmla="*/ 36519 h 43219"/>
                  <a:gd name="connsiteX0" fmla="*/ 3936 w 45306"/>
                  <a:gd name="connsiteY0" fmla="*/ 14229 h 43219"/>
                  <a:gd name="connsiteX1" fmla="*/ 5659 w 45306"/>
                  <a:gd name="connsiteY1" fmla="*/ 6766 h 43219"/>
                  <a:gd name="connsiteX2" fmla="*/ 14041 w 45306"/>
                  <a:gd name="connsiteY2" fmla="*/ 5061 h 43219"/>
                  <a:gd name="connsiteX3" fmla="*/ 22492 w 45306"/>
                  <a:gd name="connsiteY3" fmla="*/ 3291 h 43219"/>
                  <a:gd name="connsiteX4" fmla="*/ 25785 w 45306"/>
                  <a:gd name="connsiteY4" fmla="*/ 59 h 43219"/>
                  <a:gd name="connsiteX5" fmla="*/ 29869 w 45306"/>
                  <a:gd name="connsiteY5" fmla="*/ 2340 h 43219"/>
                  <a:gd name="connsiteX6" fmla="*/ 35499 w 45306"/>
                  <a:gd name="connsiteY6" fmla="*/ 549 h 43219"/>
                  <a:gd name="connsiteX7" fmla="*/ 38354 w 45306"/>
                  <a:gd name="connsiteY7" fmla="*/ 5435 h 43219"/>
                  <a:gd name="connsiteX8" fmla="*/ 42018 w 45306"/>
                  <a:gd name="connsiteY8" fmla="*/ 10177 h 43219"/>
                  <a:gd name="connsiteX9" fmla="*/ 41854 w 45306"/>
                  <a:gd name="connsiteY9" fmla="*/ 15319 h 43219"/>
                  <a:gd name="connsiteX10" fmla="*/ 43052 w 45306"/>
                  <a:gd name="connsiteY10" fmla="*/ 23181 h 43219"/>
                  <a:gd name="connsiteX11" fmla="*/ 37286 w 45306"/>
                  <a:gd name="connsiteY11" fmla="*/ 30591 h 43219"/>
                  <a:gd name="connsiteX12" fmla="*/ 45306 w 45306"/>
                  <a:gd name="connsiteY12" fmla="*/ 37718 h 43219"/>
                  <a:gd name="connsiteX13" fmla="*/ 34840 w 45306"/>
                  <a:gd name="connsiteY13" fmla="*/ 35172 h 43219"/>
                  <a:gd name="connsiteX14" fmla="*/ 28591 w 45306"/>
                  <a:gd name="connsiteY14" fmla="*/ 36674 h 43219"/>
                  <a:gd name="connsiteX15" fmla="*/ 23703 w 45306"/>
                  <a:gd name="connsiteY15" fmla="*/ 42965 h 43219"/>
                  <a:gd name="connsiteX16" fmla="*/ 16516 w 45306"/>
                  <a:gd name="connsiteY16" fmla="*/ 39125 h 43219"/>
                  <a:gd name="connsiteX17" fmla="*/ 5840 w 45306"/>
                  <a:gd name="connsiteY17" fmla="*/ 35331 h 43219"/>
                  <a:gd name="connsiteX18" fmla="*/ 1146 w 45306"/>
                  <a:gd name="connsiteY18" fmla="*/ 31109 h 43219"/>
                  <a:gd name="connsiteX19" fmla="*/ 2149 w 45306"/>
                  <a:gd name="connsiteY19" fmla="*/ 25410 h 43219"/>
                  <a:gd name="connsiteX20" fmla="*/ 31 w 45306"/>
                  <a:gd name="connsiteY20" fmla="*/ 19563 h 43219"/>
                  <a:gd name="connsiteX21" fmla="*/ 3899 w 45306"/>
                  <a:gd name="connsiteY21" fmla="*/ 14366 h 43219"/>
                  <a:gd name="connsiteX22" fmla="*/ 3936 w 45306"/>
                  <a:gd name="connsiteY22" fmla="*/ 14229 h 43219"/>
                  <a:gd name="connsiteX0" fmla="*/ 28619 w 45306"/>
                  <a:gd name="connsiteY0" fmla="*/ 36455 h 43219"/>
                  <a:gd name="connsiteX1" fmla="*/ 28596 w 45306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5306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813" y="20636"/>
                      <a:pt x="43052" y="23181"/>
                    </a:cubicBezTo>
                    <a:cubicBezTo>
                      <a:pt x="42291" y="25726"/>
                      <a:pt x="40010" y="30061"/>
                      <a:pt x="37286" y="30591"/>
                    </a:cubicBezTo>
                    <a:cubicBezTo>
                      <a:pt x="40761" y="32955"/>
                      <a:pt x="42987" y="30396"/>
                      <a:pt x="45306" y="37718"/>
                    </a:cubicBezTo>
                    <a:cubicBezTo>
                      <a:pt x="41915" y="32052"/>
                      <a:pt x="37294" y="34135"/>
                      <a:pt x="34840" y="35172"/>
                    </a:cubicBezTo>
                    <a:cubicBezTo>
                      <a:pt x="34186" y="37306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5306" h="43219" fill="none" extrusionOk="0">
                    <a:moveTo>
                      <a:pt x="28619" y="36455"/>
                    </a:moveTo>
                    <a:cubicBezTo>
                      <a:pt x="28580" y="37102"/>
                      <a:pt x="28734" y="35897"/>
                      <a:pt x="28596" y="36519"/>
                    </a:cubicBezTo>
                  </a:path>
                </a:pathLst>
              </a:custGeom>
              <a:solidFill>
                <a:srgbClr val="FFFFFF"/>
              </a:solidFill>
              <a:ln w="50800" cap="rnd">
                <a:solidFill>
                  <a:schemeClr val="accent5"/>
                </a:solidFill>
                <a:round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>
                  <a:solidFill>
                    <a:schemeClr val="lt1"/>
                  </a:solidFill>
                </a:endParaRPr>
              </a:p>
            </p:txBody>
          </p:sp>
          <p:pic>
            <p:nvPicPr>
              <p:cNvPr id="102" name="Picture 3" descr="D:\ryuno\_徳島\コンテンツ制作\ストライプ_.png"/>
              <p:cNvPicPr>
                <a:picLocks noChangeAspect="1" noChangeArrowheads="1"/>
              </p:cNvPicPr>
              <p:nvPr/>
            </p:nvPicPr>
            <p:blipFill>
              <a:blip r:embed="rId5">
                <a:duotone>
                  <a:schemeClr val="bg2">
                    <a:shade val="45000"/>
                    <a:satMod val="135000"/>
                  </a:schemeClr>
                  <a:prstClr val="white"/>
                </a:duotone>
                <a:extLst>
                  <a:ext uri="{BEBA8EAE-BF5A-486C-A8C5-ECC9F3942E4B}">
                    <a14:imgProps xmlns:a14="http://schemas.microsoft.com/office/drawing/2010/main">
                      <a14:imgLayer r:embed="rId6">
                        <a14:imgEffect>
                          <a14:brightnessContrast bright="40000" contrast="-40000"/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57801" y="2339800"/>
                <a:ext cx="5067300" cy="2590800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103" name="テキスト ボックス 102"/>
            <p:cNvSpPr txBox="1"/>
            <p:nvPr/>
          </p:nvSpPr>
          <p:spPr>
            <a:xfrm>
              <a:off x="275641" y="2719665"/>
              <a:ext cx="3805542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なんでこんなに</a:t>
              </a:r>
              <a:br>
                <a:rPr lang="en-US" altLang="ja-JP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メールがくるんだろう</a:t>
              </a:r>
            </a:p>
          </p:txBody>
        </p:sp>
      </p:grp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D4C3C558-9192-2C9A-D051-9DBAFCB34C1E}"/>
              </a:ext>
            </a:extLst>
          </p:cNvPr>
          <p:cNvSpPr txBox="1"/>
          <p:nvPr/>
        </p:nvSpPr>
        <p:spPr>
          <a:xfrm>
            <a:off x="108988" y="1988105"/>
            <a:ext cx="83943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たいりょう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D8AAC3DF-140C-3131-98F4-A6277AD85786}"/>
              </a:ext>
            </a:extLst>
          </p:cNvPr>
          <p:cNvSpPr txBox="1"/>
          <p:nvPr/>
        </p:nvSpPr>
        <p:spPr>
          <a:xfrm>
            <a:off x="2460208" y="1988105"/>
            <a:ext cx="420601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ど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8FDF2F8D-FFC1-5ABB-DE1E-906F20256278}"/>
              </a:ext>
            </a:extLst>
          </p:cNvPr>
          <p:cNvSpPr txBox="1"/>
          <p:nvPr/>
        </p:nvSpPr>
        <p:spPr>
          <a:xfrm>
            <a:off x="7715250" y="1426783"/>
            <a:ext cx="4587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みせ</a:t>
            </a:r>
          </a:p>
        </p:txBody>
      </p: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04D7184C-FE4B-6D75-386A-E1B6301DE2BB}"/>
              </a:ext>
            </a:extLst>
          </p:cNvPr>
          <p:cNvSpPr txBox="1"/>
          <p:nvPr/>
        </p:nvSpPr>
        <p:spPr>
          <a:xfrm>
            <a:off x="2047918" y="39662"/>
            <a:ext cx="90864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せん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8039693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1.</a:t>
            </a:r>
            <a:r>
              <a:rPr lang="ja-JP" altLang="en-US" dirty="0"/>
              <a:t> ウイルスに感染してしまったら？</a:t>
            </a:r>
          </a:p>
        </p:txBody>
      </p:sp>
      <p:grpSp>
        <p:nvGrpSpPr>
          <p:cNvPr id="3" name="グループ化 2"/>
          <p:cNvGrpSpPr/>
          <p:nvPr/>
        </p:nvGrpSpPr>
        <p:grpSpPr>
          <a:xfrm>
            <a:off x="216308" y="2376854"/>
            <a:ext cx="8641685" cy="2231447"/>
            <a:chOff x="216308" y="2434910"/>
            <a:chExt cx="8641685" cy="2231447"/>
          </a:xfrm>
        </p:grpSpPr>
        <p:sp>
          <p:nvSpPr>
            <p:cNvPr id="56" name="角丸四角形 55"/>
            <p:cNvSpPr/>
            <p:nvPr/>
          </p:nvSpPr>
          <p:spPr>
            <a:xfrm>
              <a:off x="216308" y="2434910"/>
              <a:ext cx="8571987" cy="2231447"/>
            </a:xfrm>
            <a:prstGeom prst="roundRect">
              <a:avLst/>
            </a:prstGeom>
            <a:solidFill>
              <a:schemeClr val="accent6">
                <a:lumMod val="40000"/>
                <a:lumOff val="60000"/>
              </a:schemeClr>
            </a:solidFill>
            <a:ln w="38100" cap="rnd" cmpd="sng" algn="ctr">
              <a:solidFill>
                <a:schemeClr val="accent6"/>
              </a:solidFill>
              <a:prstDash val="solid"/>
            </a:ln>
            <a:effectLst/>
          </p:spPr>
          <p:txBody>
            <a:bodyPr anchor="ctr"/>
            <a:lstStyle/>
            <a:p>
              <a:pPr marL="0" marR="0" lvl="0" indent="0" defTabSz="91440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44" name="テキスト ボックス 43"/>
            <p:cNvSpPr txBox="1"/>
            <p:nvPr/>
          </p:nvSpPr>
          <p:spPr>
            <a:xfrm>
              <a:off x="3206088" y="2568797"/>
              <a:ext cx="5651905" cy="209288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メールの添付ファイルや、インストールしたアプリから、</a:t>
              </a:r>
              <a:endParaRPr lang="en-US" altLang="ja-JP" sz="20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ウイルスに感染してしまうことがあります。なかには、</a:t>
              </a:r>
              <a:endParaRPr lang="en-US" altLang="ja-JP" sz="20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サイトを見るだけで感染するものもあります。</a:t>
              </a:r>
              <a:br>
                <a:rPr lang="en-US" altLang="ja-JP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</a:b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らない人からのメール、しんらいできないアプリ、</a:t>
              </a:r>
              <a:endParaRPr lang="en-US" altLang="ja-JP" sz="20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公式でないサイトなどには、じゅうぶん注意しましょう。</a:t>
              </a:r>
              <a:endParaRPr lang="en-US" altLang="ja-JP" sz="20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</p:txBody>
        </p:sp>
      </p:grpSp>
      <p:grpSp>
        <p:nvGrpSpPr>
          <p:cNvPr id="6" name="グループ化 5"/>
          <p:cNvGrpSpPr/>
          <p:nvPr/>
        </p:nvGrpSpPr>
        <p:grpSpPr>
          <a:xfrm>
            <a:off x="216308" y="4737510"/>
            <a:ext cx="8571987" cy="1981656"/>
            <a:chOff x="216308" y="4737510"/>
            <a:chExt cx="8571987" cy="1981656"/>
          </a:xfrm>
        </p:grpSpPr>
        <p:sp>
          <p:nvSpPr>
            <p:cNvPr id="57" name="角丸四角形 56"/>
            <p:cNvSpPr/>
            <p:nvPr/>
          </p:nvSpPr>
          <p:spPr>
            <a:xfrm>
              <a:off x="216308" y="4737510"/>
              <a:ext cx="8571987" cy="1981656"/>
            </a:xfrm>
            <a:prstGeom prst="roundRect">
              <a:avLst>
                <a:gd name="adj" fmla="val 14470"/>
              </a:avLst>
            </a:prstGeom>
            <a:solidFill>
              <a:schemeClr val="accent2">
                <a:lumMod val="40000"/>
                <a:lumOff val="60000"/>
              </a:schemeClr>
            </a:solidFill>
            <a:ln w="38100" cap="rnd" cmpd="sng" algn="ctr">
              <a:solidFill>
                <a:schemeClr val="accent2"/>
              </a:solidFill>
              <a:prstDash val="solid"/>
            </a:ln>
            <a:effectLst/>
          </p:spPr>
          <p:txBody>
            <a:bodyPr anchor="ctr"/>
            <a:lstStyle/>
            <a:p>
              <a:pPr marL="0" marR="0" lvl="0" indent="0" defTabSz="91440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15" name="テキスト ボックス 14"/>
            <p:cNvSpPr txBox="1"/>
            <p:nvPr/>
          </p:nvSpPr>
          <p:spPr>
            <a:xfrm>
              <a:off x="458782" y="4873585"/>
              <a:ext cx="5688020" cy="116955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スマートフォンには、あなたや家族、友達の個人情報が</a:t>
              </a:r>
              <a:endParaRPr lang="en-US" altLang="ja-JP" sz="20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たくさん入っています。そのため、ウイルス対策をしっかり</a:t>
              </a:r>
              <a:br>
                <a:rPr lang="en-US" altLang="ja-JP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</a:b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おこないましょう。</a:t>
              </a:r>
              <a:endParaRPr lang="en-US" altLang="ja-JP" sz="20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</p:txBody>
        </p:sp>
        <p:sp>
          <p:nvSpPr>
            <p:cNvPr id="16" name="テキスト ボックス 15"/>
            <p:cNvSpPr txBox="1"/>
            <p:nvPr/>
          </p:nvSpPr>
          <p:spPr>
            <a:xfrm>
              <a:off x="531832" y="5957464"/>
              <a:ext cx="5545118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266700" indent="-266700">
                <a:buFont typeface="Arial" panose="020B0604020202020204" pitchFamily="34" charset="0"/>
                <a:buChar char="•"/>
              </a:pP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ウイルスからまもるソフトを、インストールしておく</a:t>
              </a:r>
              <a:endParaRPr lang="en-US" altLang="ja-JP" sz="20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 marL="266700" indent="-266700">
                <a:buFont typeface="Arial" panose="020B0604020202020204" pitchFamily="34" charset="0"/>
                <a:buChar char="•"/>
              </a:pPr>
              <a:r>
                <a:rPr lang="ja-JP" altLang="en-US" sz="20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ウイルスからまもるソフトを、まい日アップデートする</a:t>
              </a:r>
              <a:endParaRPr lang="en-US" altLang="ja-JP" sz="20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</p:txBody>
        </p:sp>
      </p:grpSp>
      <p:pic>
        <p:nvPicPr>
          <p:cNvPr id="9" name="図 8">
            <a:extLst>
              <a:ext uri="{FF2B5EF4-FFF2-40B4-BE49-F238E27FC236}">
                <a16:creationId xmlns:a16="http://schemas.microsoft.com/office/drawing/2014/main" id="{7BB53D78-CD53-4EB1-883A-2278DEDE6D4C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1930" b="18867"/>
          <a:stretch/>
        </p:blipFill>
        <p:spPr>
          <a:xfrm>
            <a:off x="5685215" y="4762467"/>
            <a:ext cx="3378792" cy="200034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10" name="グループ化 9"/>
          <p:cNvGrpSpPr/>
          <p:nvPr/>
        </p:nvGrpSpPr>
        <p:grpSpPr>
          <a:xfrm>
            <a:off x="1159267" y="2207554"/>
            <a:ext cx="2210680" cy="1522425"/>
            <a:chOff x="1594543" y="2265610"/>
            <a:chExt cx="2210680" cy="1522425"/>
          </a:xfrm>
        </p:grpSpPr>
        <p:grpSp>
          <p:nvGrpSpPr>
            <p:cNvPr id="19" name="グループ化 18"/>
            <p:cNvGrpSpPr/>
            <p:nvPr/>
          </p:nvGrpSpPr>
          <p:grpSpPr>
            <a:xfrm rot="21446088" flipH="1">
              <a:off x="1692110" y="2265610"/>
              <a:ext cx="1986040" cy="1522425"/>
              <a:chOff x="-343543" y="2157369"/>
              <a:chExt cx="4095076" cy="2596142"/>
            </a:xfrm>
          </p:grpSpPr>
          <p:sp>
            <p:nvSpPr>
              <p:cNvPr id="20" name="円/楕円 63"/>
              <p:cNvSpPr/>
              <p:nvPr/>
            </p:nvSpPr>
            <p:spPr>
              <a:xfrm>
                <a:off x="3333551" y="4441948"/>
                <a:ext cx="183844" cy="171239"/>
              </a:xfrm>
              <a:prstGeom prst="ellipse">
                <a:avLst/>
              </a:prstGeom>
              <a:solidFill>
                <a:srgbClr val="FFFFFF">
                  <a:alpha val="80000"/>
                </a:srgbClr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/>
              </a:p>
            </p:txBody>
          </p:sp>
          <p:sp>
            <p:nvSpPr>
              <p:cNvPr id="21" name="雲 31"/>
              <p:cNvSpPr/>
              <p:nvPr/>
            </p:nvSpPr>
            <p:spPr>
              <a:xfrm rot="197991">
                <a:off x="-343532" y="2157365"/>
                <a:ext cx="4095063" cy="2596142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8996 w 43256"/>
                  <a:gd name="connsiteY12" fmla="*/ 35250 h 43219"/>
                  <a:gd name="connsiteX13" fmla="*/ 35431 w 43256"/>
                  <a:gd name="connsiteY13" fmla="*/ 35960 h 43219"/>
                  <a:gd name="connsiteX14" fmla="*/ 28591 w 43256"/>
                  <a:gd name="connsiteY14" fmla="*/ 36674 h 43219"/>
                  <a:gd name="connsiteX15" fmla="*/ 23703 w 43256"/>
                  <a:gd name="connsiteY15" fmla="*/ 42965 h 43219"/>
                  <a:gd name="connsiteX16" fmla="*/ 16516 w 43256"/>
                  <a:gd name="connsiteY16" fmla="*/ 39125 h 43219"/>
                  <a:gd name="connsiteX17" fmla="*/ 5840 w 43256"/>
                  <a:gd name="connsiteY17" fmla="*/ 35331 h 43219"/>
                  <a:gd name="connsiteX18" fmla="*/ 1146 w 43256"/>
                  <a:gd name="connsiteY18" fmla="*/ 31109 h 43219"/>
                  <a:gd name="connsiteX19" fmla="*/ 2149 w 43256"/>
                  <a:gd name="connsiteY19" fmla="*/ 25410 h 43219"/>
                  <a:gd name="connsiteX20" fmla="*/ 31 w 43256"/>
                  <a:gd name="connsiteY20" fmla="*/ 19563 h 43219"/>
                  <a:gd name="connsiteX21" fmla="*/ 3899 w 43256"/>
                  <a:gd name="connsiteY21" fmla="*/ 14366 h 43219"/>
                  <a:gd name="connsiteX22" fmla="*/ 3936 w 43256"/>
                  <a:gd name="connsiteY22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431 w 43256"/>
                  <a:gd name="connsiteY14" fmla="*/ 35960 h 43219"/>
                  <a:gd name="connsiteX15" fmla="*/ 28591 w 43256"/>
                  <a:gd name="connsiteY15" fmla="*/ 36674 h 43219"/>
                  <a:gd name="connsiteX16" fmla="*/ 23703 w 43256"/>
                  <a:gd name="connsiteY16" fmla="*/ 42965 h 43219"/>
                  <a:gd name="connsiteX17" fmla="*/ 16516 w 43256"/>
                  <a:gd name="connsiteY17" fmla="*/ 39125 h 43219"/>
                  <a:gd name="connsiteX18" fmla="*/ 5840 w 43256"/>
                  <a:gd name="connsiteY18" fmla="*/ 35331 h 43219"/>
                  <a:gd name="connsiteX19" fmla="*/ 1146 w 43256"/>
                  <a:gd name="connsiteY19" fmla="*/ 31109 h 43219"/>
                  <a:gd name="connsiteX20" fmla="*/ 2149 w 43256"/>
                  <a:gd name="connsiteY20" fmla="*/ 25410 h 43219"/>
                  <a:gd name="connsiteX21" fmla="*/ 31 w 43256"/>
                  <a:gd name="connsiteY21" fmla="*/ 19563 h 43219"/>
                  <a:gd name="connsiteX22" fmla="*/ 3899 w 43256"/>
                  <a:gd name="connsiteY22" fmla="*/ 14366 h 43219"/>
                  <a:gd name="connsiteX23" fmla="*/ 3936 w 43256"/>
                  <a:gd name="connsiteY23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914 w 43256"/>
                  <a:gd name="connsiteY14" fmla="*/ 35252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8996 w 43256"/>
                  <a:gd name="connsiteY13" fmla="*/ 35250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146 w 43256"/>
                  <a:gd name="connsiteY13" fmla="*/ 35318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12 w 43256"/>
                  <a:gd name="connsiteY13" fmla="*/ 35606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5897 w 43256"/>
                  <a:gd name="connsiteY14" fmla="*/ 34856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431 w 43256"/>
                  <a:gd name="connsiteY15" fmla="*/ 35960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002 w 43256"/>
                  <a:gd name="connsiteY13" fmla="*/ 3536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224 w 43256"/>
                  <a:gd name="connsiteY13" fmla="*/ 35749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3936 w 43256"/>
                  <a:gd name="connsiteY24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1682 w 43256"/>
                  <a:gd name="connsiteY0" fmla="*/ 13295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3899 w 43256"/>
                  <a:gd name="connsiteY23" fmla="*/ 14366 h 43219"/>
                  <a:gd name="connsiteX24" fmla="*/ 1682 w 43256"/>
                  <a:gd name="connsiteY24" fmla="*/ 13295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1682 w 43256"/>
                  <a:gd name="connsiteY0" fmla="*/ 13295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7012 w 43256"/>
                  <a:gd name="connsiteY12" fmla="*/ 32109 h 43219"/>
                  <a:gd name="connsiteX13" fmla="*/ 39313 w 43256"/>
                  <a:gd name="connsiteY13" fmla="*/ 36007 h 43219"/>
                  <a:gd name="connsiteX14" fmla="*/ 36050 w 43256"/>
                  <a:gd name="connsiteY14" fmla="*/ 35003 h 43219"/>
                  <a:gd name="connsiteX15" fmla="*/ 35118 w 43256"/>
                  <a:gd name="connsiteY15" fmla="*/ 36183 h 43219"/>
                  <a:gd name="connsiteX16" fmla="*/ 28591 w 43256"/>
                  <a:gd name="connsiteY16" fmla="*/ 36674 h 43219"/>
                  <a:gd name="connsiteX17" fmla="*/ 23703 w 43256"/>
                  <a:gd name="connsiteY17" fmla="*/ 42965 h 43219"/>
                  <a:gd name="connsiteX18" fmla="*/ 16516 w 43256"/>
                  <a:gd name="connsiteY18" fmla="*/ 39125 h 43219"/>
                  <a:gd name="connsiteX19" fmla="*/ 5840 w 43256"/>
                  <a:gd name="connsiteY19" fmla="*/ 35331 h 43219"/>
                  <a:gd name="connsiteX20" fmla="*/ 1146 w 43256"/>
                  <a:gd name="connsiteY20" fmla="*/ 31109 h 43219"/>
                  <a:gd name="connsiteX21" fmla="*/ 2149 w 43256"/>
                  <a:gd name="connsiteY21" fmla="*/ 25410 h 43219"/>
                  <a:gd name="connsiteX22" fmla="*/ 31 w 43256"/>
                  <a:gd name="connsiteY22" fmla="*/ 19563 h 43219"/>
                  <a:gd name="connsiteX23" fmla="*/ 1656 w 43256"/>
                  <a:gd name="connsiteY23" fmla="*/ 13566 h 43219"/>
                  <a:gd name="connsiteX24" fmla="*/ 1682 w 43256"/>
                  <a:gd name="connsiteY24" fmla="*/ 13295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2732 w 44306"/>
                  <a:gd name="connsiteY0" fmla="*/ 13295 h 43219"/>
                  <a:gd name="connsiteX1" fmla="*/ 6709 w 44306"/>
                  <a:gd name="connsiteY1" fmla="*/ 6766 h 43219"/>
                  <a:gd name="connsiteX2" fmla="*/ 15091 w 44306"/>
                  <a:gd name="connsiteY2" fmla="*/ 5061 h 43219"/>
                  <a:gd name="connsiteX3" fmla="*/ 23542 w 44306"/>
                  <a:gd name="connsiteY3" fmla="*/ 3291 h 43219"/>
                  <a:gd name="connsiteX4" fmla="*/ 26835 w 44306"/>
                  <a:gd name="connsiteY4" fmla="*/ 59 h 43219"/>
                  <a:gd name="connsiteX5" fmla="*/ 30919 w 44306"/>
                  <a:gd name="connsiteY5" fmla="*/ 2340 h 43219"/>
                  <a:gd name="connsiteX6" fmla="*/ 36549 w 44306"/>
                  <a:gd name="connsiteY6" fmla="*/ 549 h 43219"/>
                  <a:gd name="connsiteX7" fmla="*/ 39404 w 44306"/>
                  <a:gd name="connsiteY7" fmla="*/ 5435 h 43219"/>
                  <a:gd name="connsiteX8" fmla="*/ 43068 w 44306"/>
                  <a:gd name="connsiteY8" fmla="*/ 10177 h 43219"/>
                  <a:gd name="connsiteX9" fmla="*/ 42904 w 44306"/>
                  <a:gd name="connsiteY9" fmla="*/ 15319 h 43219"/>
                  <a:gd name="connsiteX10" fmla="*/ 44102 w 44306"/>
                  <a:gd name="connsiteY10" fmla="*/ 23181 h 43219"/>
                  <a:gd name="connsiteX11" fmla="*/ 38490 w 44306"/>
                  <a:gd name="connsiteY11" fmla="*/ 30063 h 43219"/>
                  <a:gd name="connsiteX12" fmla="*/ 38062 w 44306"/>
                  <a:gd name="connsiteY12" fmla="*/ 32109 h 43219"/>
                  <a:gd name="connsiteX13" fmla="*/ 40363 w 44306"/>
                  <a:gd name="connsiteY13" fmla="*/ 36007 h 43219"/>
                  <a:gd name="connsiteX14" fmla="*/ 37100 w 44306"/>
                  <a:gd name="connsiteY14" fmla="*/ 35003 h 43219"/>
                  <a:gd name="connsiteX15" fmla="*/ 36168 w 44306"/>
                  <a:gd name="connsiteY15" fmla="*/ 36183 h 43219"/>
                  <a:gd name="connsiteX16" fmla="*/ 29641 w 44306"/>
                  <a:gd name="connsiteY16" fmla="*/ 36674 h 43219"/>
                  <a:gd name="connsiteX17" fmla="*/ 24753 w 44306"/>
                  <a:gd name="connsiteY17" fmla="*/ 42965 h 43219"/>
                  <a:gd name="connsiteX18" fmla="*/ 17566 w 44306"/>
                  <a:gd name="connsiteY18" fmla="*/ 39125 h 43219"/>
                  <a:gd name="connsiteX19" fmla="*/ 6890 w 44306"/>
                  <a:gd name="connsiteY19" fmla="*/ 35331 h 43219"/>
                  <a:gd name="connsiteX20" fmla="*/ 2196 w 44306"/>
                  <a:gd name="connsiteY20" fmla="*/ 31109 h 43219"/>
                  <a:gd name="connsiteX21" fmla="*/ 3199 w 44306"/>
                  <a:gd name="connsiteY21" fmla="*/ 25410 h 43219"/>
                  <a:gd name="connsiteX22" fmla="*/ 15 w 44306"/>
                  <a:gd name="connsiteY22" fmla="*/ 19836 h 43219"/>
                  <a:gd name="connsiteX23" fmla="*/ 2706 w 44306"/>
                  <a:gd name="connsiteY23" fmla="*/ 13566 h 43219"/>
                  <a:gd name="connsiteX24" fmla="*/ 2732 w 44306"/>
                  <a:gd name="connsiteY24" fmla="*/ 13295 h 43219"/>
                  <a:gd name="connsiteX0" fmla="*/ 29669 w 44306"/>
                  <a:gd name="connsiteY0" fmla="*/ 36455 h 43219"/>
                  <a:gd name="connsiteX1" fmla="*/ 29646 w 44306"/>
                  <a:gd name="connsiteY1" fmla="*/ 36519 h 43219"/>
                  <a:gd name="connsiteX0" fmla="*/ 2773 w 44347"/>
                  <a:gd name="connsiteY0" fmla="*/ 13295 h 43219"/>
                  <a:gd name="connsiteX1" fmla="*/ 6750 w 44347"/>
                  <a:gd name="connsiteY1" fmla="*/ 6766 h 43219"/>
                  <a:gd name="connsiteX2" fmla="*/ 15132 w 44347"/>
                  <a:gd name="connsiteY2" fmla="*/ 5061 h 43219"/>
                  <a:gd name="connsiteX3" fmla="*/ 23583 w 44347"/>
                  <a:gd name="connsiteY3" fmla="*/ 3291 h 43219"/>
                  <a:gd name="connsiteX4" fmla="*/ 26876 w 44347"/>
                  <a:gd name="connsiteY4" fmla="*/ 59 h 43219"/>
                  <a:gd name="connsiteX5" fmla="*/ 30960 w 44347"/>
                  <a:gd name="connsiteY5" fmla="*/ 2340 h 43219"/>
                  <a:gd name="connsiteX6" fmla="*/ 36590 w 44347"/>
                  <a:gd name="connsiteY6" fmla="*/ 549 h 43219"/>
                  <a:gd name="connsiteX7" fmla="*/ 39445 w 44347"/>
                  <a:gd name="connsiteY7" fmla="*/ 5435 h 43219"/>
                  <a:gd name="connsiteX8" fmla="*/ 43109 w 44347"/>
                  <a:gd name="connsiteY8" fmla="*/ 10177 h 43219"/>
                  <a:gd name="connsiteX9" fmla="*/ 42945 w 44347"/>
                  <a:gd name="connsiteY9" fmla="*/ 15319 h 43219"/>
                  <a:gd name="connsiteX10" fmla="*/ 44143 w 44347"/>
                  <a:gd name="connsiteY10" fmla="*/ 23181 h 43219"/>
                  <a:gd name="connsiteX11" fmla="*/ 38531 w 44347"/>
                  <a:gd name="connsiteY11" fmla="*/ 30063 h 43219"/>
                  <a:gd name="connsiteX12" fmla="*/ 38103 w 44347"/>
                  <a:gd name="connsiteY12" fmla="*/ 32109 h 43219"/>
                  <a:gd name="connsiteX13" fmla="*/ 40404 w 44347"/>
                  <a:gd name="connsiteY13" fmla="*/ 36007 h 43219"/>
                  <a:gd name="connsiteX14" fmla="*/ 37141 w 44347"/>
                  <a:gd name="connsiteY14" fmla="*/ 35003 h 43219"/>
                  <a:gd name="connsiteX15" fmla="*/ 36209 w 44347"/>
                  <a:gd name="connsiteY15" fmla="*/ 36183 h 43219"/>
                  <a:gd name="connsiteX16" fmla="*/ 29682 w 44347"/>
                  <a:gd name="connsiteY16" fmla="*/ 36674 h 43219"/>
                  <a:gd name="connsiteX17" fmla="*/ 24794 w 44347"/>
                  <a:gd name="connsiteY17" fmla="*/ 42965 h 43219"/>
                  <a:gd name="connsiteX18" fmla="*/ 17607 w 44347"/>
                  <a:gd name="connsiteY18" fmla="*/ 39125 h 43219"/>
                  <a:gd name="connsiteX19" fmla="*/ 6931 w 44347"/>
                  <a:gd name="connsiteY19" fmla="*/ 35331 h 43219"/>
                  <a:gd name="connsiteX20" fmla="*/ 2237 w 44347"/>
                  <a:gd name="connsiteY20" fmla="*/ 31109 h 43219"/>
                  <a:gd name="connsiteX21" fmla="*/ 3240 w 44347"/>
                  <a:gd name="connsiteY21" fmla="*/ 25410 h 43219"/>
                  <a:gd name="connsiteX22" fmla="*/ 56 w 44347"/>
                  <a:gd name="connsiteY22" fmla="*/ 19836 h 43219"/>
                  <a:gd name="connsiteX23" fmla="*/ 2747 w 44347"/>
                  <a:gd name="connsiteY23" fmla="*/ 13566 h 43219"/>
                  <a:gd name="connsiteX24" fmla="*/ 2773 w 44347"/>
                  <a:gd name="connsiteY24" fmla="*/ 13295 h 43219"/>
                  <a:gd name="connsiteX0" fmla="*/ 29710 w 44347"/>
                  <a:gd name="connsiteY0" fmla="*/ 36455 h 43219"/>
                  <a:gd name="connsiteX1" fmla="*/ 29687 w 44347"/>
                  <a:gd name="connsiteY1" fmla="*/ 36519 h 43219"/>
                  <a:gd name="connsiteX0" fmla="*/ 3053 w 44627"/>
                  <a:gd name="connsiteY0" fmla="*/ 13295 h 43219"/>
                  <a:gd name="connsiteX1" fmla="*/ 7030 w 44627"/>
                  <a:gd name="connsiteY1" fmla="*/ 6766 h 43219"/>
                  <a:gd name="connsiteX2" fmla="*/ 15412 w 44627"/>
                  <a:gd name="connsiteY2" fmla="*/ 5061 h 43219"/>
                  <a:gd name="connsiteX3" fmla="*/ 23863 w 44627"/>
                  <a:gd name="connsiteY3" fmla="*/ 3291 h 43219"/>
                  <a:gd name="connsiteX4" fmla="*/ 27156 w 44627"/>
                  <a:gd name="connsiteY4" fmla="*/ 59 h 43219"/>
                  <a:gd name="connsiteX5" fmla="*/ 31240 w 44627"/>
                  <a:gd name="connsiteY5" fmla="*/ 2340 h 43219"/>
                  <a:gd name="connsiteX6" fmla="*/ 36870 w 44627"/>
                  <a:gd name="connsiteY6" fmla="*/ 549 h 43219"/>
                  <a:gd name="connsiteX7" fmla="*/ 39725 w 44627"/>
                  <a:gd name="connsiteY7" fmla="*/ 5435 h 43219"/>
                  <a:gd name="connsiteX8" fmla="*/ 43389 w 44627"/>
                  <a:gd name="connsiteY8" fmla="*/ 10177 h 43219"/>
                  <a:gd name="connsiteX9" fmla="*/ 43225 w 44627"/>
                  <a:gd name="connsiteY9" fmla="*/ 15319 h 43219"/>
                  <a:gd name="connsiteX10" fmla="*/ 44423 w 44627"/>
                  <a:gd name="connsiteY10" fmla="*/ 23181 h 43219"/>
                  <a:gd name="connsiteX11" fmla="*/ 38811 w 44627"/>
                  <a:gd name="connsiteY11" fmla="*/ 30063 h 43219"/>
                  <a:gd name="connsiteX12" fmla="*/ 38383 w 44627"/>
                  <a:gd name="connsiteY12" fmla="*/ 32109 h 43219"/>
                  <a:gd name="connsiteX13" fmla="*/ 40684 w 44627"/>
                  <a:gd name="connsiteY13" fmla="*/ 36007 h 43219"/>
                  <a:gd name="connsiteX14" fmla="*/ 37421 w 44627"/>
                  <a:gd name="connsiteY14" fmla="*/ 35003 h 43219"/>
                  <a:gd name="connsiteX15" fmla="*/ 36489 w 44627"/>
                  <a:gd name="connsiteY15" fmla="*/ 36183 h 43219"/>
                  <a:gd name="connsiteX16" fmla="*/ 29962 w 44627"/>
                  <a:gd name="connsiteY16" fmla="*/ 36674 h 43219"/>
                  <a:gd name="connsiteX17" fmla="*/ 25074 w 44627"/>
                  <a:gd name="connsiteY17" fmla="*/ 42965 h 43219"/>
                  <a:gd name="connsiteX18" fmla="*/ 17887 w 44627"/>
                  <a:gd name="connsiteY18" fmla="*/ 39125 h 43219"/>
                  <a:gd name="connsiteX19" fmla="*/ 7211 w 44627"/>
                  <a:gd name="connsiteY19" fmla="*/ 35331 h 43219"/>
                  <a:gd name="connsiteX20" fmla="*/ 2517 w 44627"/>
                  <a:gd name="connsiteY20" fmla="*/ 31109 h 43219"/>
                  <a:gd name="connsiteX21" fmla="*/ 3520 w 44627"/>
                  <a:gd name="connsiteY21" fmla="*/ 25410 h 43219"/>
                  <a:gd name="connsiteX22" fmla="*/ 13 w 44627"/>
                  <a:gd name="connsiteY22" fmla="*/ 19877 h 43219"/>
                  <a:gd name="connsiteX23" fmla="*/ 3027 w 44627"/>
                  <a:gd name="connsiteY23" fmla="*/ 13566 h 43219"/>
                  <a:gd name="connsiteX24" fmla="*/ 3053 w 44627"/>
                  <a:gd name="connsiteY24" fmla="*/ 13295 h 43219"/>
                  <a:gd name="connsiteX0" fmla="*/ 29990 w 44627"/>
                  <a:gd name="connsiteY0" fmla="*/ 36455 h 43219"/>
                  <a:gd name="connsiteX1" fmla="*/ 29967 w 44627"/>
                  <a:gd name="connsiteY1" fmla="*/ 36519 h 43219"/>
                  <a:gd name="connsiteX0" fmla="*/ 3246 w 44820"/>
                  <a:gd name="connsiteY0" fmla="*/ 13295 h 43219"/>
                  <a:gd name="connsiteX1" fmla="*/ 7223 w 44820"/>
                  <a:gd name="connsiteY1" fmla="*/ 6766 h 43219"/>
                  <a:gd name="connsiteX2" fmla="*/ 15605 w 44820"/>
                  <a:gd name="connsiteY2" fmla="*/ 5061 h 43219"/>
                  <a:gd name="connsiteX3" fmla="*/ 24056 w 44820"/>
                  <a:gd name="connsiteY3" fmla="*/ 3291 h 43219"/>
                  <a:gd name="connsiteX4" fmla="*/ 27349 w 44820"/>
                  <a:gd name="connsiteY4" fmla="*/ 59 h 43219"/>
                  <a:gd name="connsiteX5" fmla="*/ 31433 w 44820"/>
                  <a:gd name="connsiteY5" fmla="*/ 2340 h 43219"/>
                  <a:gd name="connsiteX6" fmla="*/ 37063 w 44820"/>
                  <a:gd name="connsiteY6" fmla="*/ 549 h 43219"/>
                  <a:gd name="connsiteX7" fmla="*/ 39918 w 44820"/>
                  <a:gd name="connsiteY7" fmla="*/ 5435 h 43219"/>
                  <a:gd name="connsiteX8" fmla="*/ 43582 w 44820"/>
                  <a:gd name="connsiteY8" fmla="*/ 10177 h 43219"/>
                  <a:gd name="connsiteX9" fmla="*/ 43418 w 44820"/>
                  <a:gd name="connsiteY9" fmla="*/ 15319 h 43219"/>
                  <a:gd name="connsiteX10" fmla="*/ 44616 w 44820"/>
                  <a:gd name="connsiteY10" fmla="*/ 23181 h 43219"/>
                  <a:gd name="connsiteX11" fmla="*/ 39004 w 44820"/>
                  <a:gd name="connsiteY11" fmla="*/ 30063 h 43219"/>
                  <a:gd name="connsiteX12" fmla="*/ 38576 w 44820"/>
                  <a:gd name="connsiteY12" fmla="*/ 32109 h 43219"/>
                  <a:gd name="connsiteX13" fmla="*/ 40877 w 44820"/>
                  <a:gd name="connsiteY13" fmla="*/ 36007 h 43219"/>
                  <a:gd name="connsiteX14" fmla="*/ 37614 w 44820"/>
                  <a:gd name="connsiteY14" fmla="*/ 35003 h 43219"/>
                  <a:gd name="connsiteX15" fmla="*/ 36682 w 44820"/>
                  <a:gd name="connsiteY15" fmla="*/ 36183 h 43219"/>
                  <a:gd name="connsiteX16" fmla="*/ 30155 w 44820"/>
                  <a:gd name="connsiteY16" fmla="*/ 36674 h 43219"/>
                  <a:gd name="connsiteX17" fmla="*/ 25267 w 44820"/>
                  <a:gd name="connsiteY17" fmla="*/ 42965 h 43219"/>
                  <a:gd name="connsiteX18" fmla="*/ 18080 w 44820"/>
                  <a:gd name="connsiteY18" fmla="*/ 39125 h 43219"/>
                  <a:gd name="connsiteX19" fmla="*/ 7404 w 44820"/>
                  <a:gd name="connsiteY19" fmla="*/ 35331 h 43219"/>
                  <a:gd name="connsiteX20" fmla="*/ 2710 w 44820"/>
                  <a:gd name="connsiteY20" fmla="*/ 31109 h 43219"/>
                  <a:gd name="connsiteX21" fmla="*/ 3713 w 44820"/>
                  <a:gd name="connsiteY21" fmla="*/ 25410 h 43219"/>
                  <a:gd name="connsiteX22" fmla="*/ 206 w 44820"/>
                  <a:gd name="connsiteY22" fmla="*/ 19877 h 43219"/>
                  <a:gd name="connsiteX23" fmla="*/ 3220 w 44820"/>
                  <a:gd name="connsiteY23" fmla="*/ 13566 h 43219"/>
                  <a:gd name="connsiteX24" fmla="*/ 3246 w 44820"/>
                  <a:gd name="connsiteY24" fmla="*/ 13295 h 43219"/>
                  <a:gd name="connsiteX0" fmla="*/ 30183 w 44820"/>
                  <a:gd name="connsiteY0" fmla="*/ 36455 h 43219"/>
                  <a:gd name="connsiteX1" fmla="*/ 30160 w 44820"/>
                  <a:gd name="connsiteY1" fmla="*/ 36519 h 43219"/>
                  <a:gd name="connsiteX0" fmla="*/ 3246 w 44820"/>
                  <a:gd name="connsiteY0" fmla="*/ 13295 h 43219"/>
                  <a:gd name="connsiteX1" fmla="*/ 7223 w 44820"/>
                  <a:gd name="connsiteY1" fmla="*/ 6766 h 43219"/>
                  <a:gd name="connsiteX2" fmla="*/ 15605 w 44820"/>
                  <a:gd name="connsiteY2" fmla="*/ 5061 h 43219"/>
                  <a:gd name="connsiteX3" fmla="*/ 24056 w 44820"/>
                  <a:gd name="connsiteY3" fmla="*/ 3291 h 43219"/>
                  <a:gd name="connsiteX4" fmla="*/ 27349 w 44820"/>
                  <a:gd name="connsiteY4" fmla="*/ 59 h 43219"/>
                  <a:gd name="connsiteX5" fmla="*/ 31433 w 44820"/>
                  <a:gd name="connsiteY5" fmla="*/ 2340 h 43219"/>
                  <a:gd name="connsiteX6" fmla="*/ 37063 w 44820"/>
                  <a:gd name="connsiteY6" fmla="*/ 549 h 43219"/>
                  <a:gd name="connsiteX7" fmla="*/ 39918 w 44820"/>
                  <a:gd name="connsiteY7" fmla="*/ 5435 h 43219"/>
                  <a:gd name="connsiteX8" fmla="*/ 43582 w 44820"/>
                  <a:gd name="connsiteY8" fmla="*/ 10177 h 43219"/>
                  <a:gd name="connsiteX9" fmla="*/ 43418 w 44820"/>
                  <a:gd name="connsiteY9" fmla="*/ 15319 h 43219"/>
                  <a:gd name="connsiteX10" fmla="*/ 44616 w 44820"/>
                  <a:gd name="connsiteY10" fmla="*/ 23181 h 43219"/>
                  <a:gd name="connsiteX11" fmla="*/ 39004 w 44820"/>
                  <a:gd name="connsiteY11" fmla="*/ 30063 h 43219"/>
                  <a:gd name="connsiteX12" fmla="*/ 38576 w 44820"/>
                  <a:gd name="connsiteY12" fmla="*/ 32109 h 43219"/>
                  <a:gd name="connsiteX13" fmla="*/ 40877 w 44820"/>
                  <a:gd name="connsiteY13" fmla="*/ 36007 h 43219"/>
                  <a:gd name="connsiteX14" fmla="*/ 37614 w 44820"/>
                  <a:gd name="connsiteY14" fmla="*/ 35003 h 43219"/>
                  <a:gd name="connsiteX15" fmla="*/ 36682 w 44820"/>
                  <a:gd name="connsiteY15" fmla="*/ 36183 h 43219"/>
                  <a:gd name="connsiteX16" fmla="*/ 30155 w 44820"/>
                  <a:gd name="connsiteY16" fmla="*/ 36674 h 43219"/>
                  <a:gd name="connsiteX17" fmla="*/ 25267 w 44820"/>
                  <a:gd name="connsiteY17" fmla="*/ 42965 h 43219"/>
                  <a:gd name="connsiteX18" fmla="*/ 18080 w 44820"/>
                  <a:gd name="connsiteY18" fmla="*/ 39125 h 43219"/>
                  <a:gd name="connsiteX19" fmla="*/ 7404 w 44820"/>
                  <a:gd name="connsiteY19" fmla="*/ 35331 h 43219"/>
                  <a:gd name="connsiteX20" fmla="*/ 2710 w 44820"/>
                  <a:gd name="connsiteY20" fmla="*/ 31109 h 43219"/>
                  <a:gd name="connsiteX21" fmla="*/ 3713 w 44820"/>
                  <a:gd name="connsiteY21" fmla="*/ 25410 h 43219"/>
                  <a:gd name="connsiteX22" fmla="*/ 206 w 44820"/>
                  <a:gd name="connsiteY22" fmla="*/ 19877 h 43219"/>
                  <a:gd name="connsiteX23" fmla="*/ 3220 w 44820"/>
                  <a:gd name="connsiteY23" fmla="*/ 13566 h 43219"/>
                  <a:gd name="connsiteX24" fmla="*/ 3246 w 44820"/>
                  <a:gd name="connsiteY24" fmla="*/ 13295 h 43219"/>
                  <a:gd name="connsiteX0" fmla="*/ 30183 w 44820"/>
                  <a:gd name="connsiteY0" fmla="*/ 36455 h 43219"/>
                  <a:gd name="connsiteX1" fmla="*/ 30160 w 44820"/>
                  <a:gd name="connsiteY1" fmla="*/ 36519 h 43219"/>
                  <a:gd name="connsiteX0" fmla="*/ 3246 w 44820"/>
                  <a:gd name="connsiteY0" fmla="*/ 13295 h 43219"/>
                  <a:gd name="connsiteX1" fmla="*/ 6778 w 44820"/>
                  <a:gd name="connsiteY1" fmla="*/ 5328 h 43219"/>
                  <a:gd name="connsiteX2" fmla="*/ 15605 w 44820"/>
                  <a:gd name="connsiteY2" fmla="*/ 5061 h 43219"/>
                  <a:gd name="connsiteX3" fmla="*/ 24056 w 44820"/>
                  <a:gd name="connsiteY3" fmla="*/ 3291 h 43219"/>
                  <a:gd name="connsiteX4" fmla="*/ 27349 w 44820"/>
                  <a:gd name="connsiteY4" fmla="*/ 59 h 43219"/>
                  <a:gd name="connsiteX5" fmla="*/ 31433 w 44820"/>
                  <a:gd name="connsiteY5" fmla="*/ 2340 h 43219"/>
                  <a:gd name="connsiteX6" fmla="*/ 37063 w 44820"/>
                  <a:gd name="connsiteY6" fmla="*/ 549 h 43219"/>
                  <a:gd name="connsiteX7" fmla="*/ 39918 w 44820"/>
                  <a:gd name="connsiteY7" fmla="*/ 5435 h 43219"/>
                  <a:gd name="connsiteX8" fmla="*/ 43582 w 44820"/>
                  <a:gd name="connsiteY8" fmla="*/ 10177 h 43219"/>
                  <a:gd name="connsiteX9" fmla="*/ 43418 w 44820"/>
                  <a:gd name="connsiteY9" fmla="*/ 15319 h 43219"/>
                  <a:gd name="connsiteX10" fmla="*/ 44616 w 44820"/>
                  <a:gd name="connsiteY10" fmla="*/ 23181 h 43219"/>
                  <a:gd name="connsiteX11" fmla="*/ 39004 w 44820"/>
                  <a:gd name="connsiteY11" fmla="*/ 30063 h 43219"/>
                  <a:gd name="connsiteX12" fmla="*/ 38576 w 44820"/>
                  <a:gd name="connsiteY12" fmla="*/ 32109 h 43219"/>
                  <a:gd name="connsiteX13" fmla="*/ 40877 w 44820"/>
                  <a:gd name="connsiteY13" fmla="*/ 36007 h 43219"/>
                  <a:gd name="connsiteX14" fmla="*/ 37614 w 44820"/>
                  <a:gd name="connsiteY14" fmla="*/ 35003 h 43219"/>
                  <a:gd name="connsiteX15" fmla="*/ 36682 w 44820"/>
                  <a:gd name="connsiteY15" fmla="*/ 36183 h 43219"/>
                  <a:gd name="connsiteX16" fmla="*/ 30155 w 44820"/>
                  <a:gd name="connsiteY16" fmla="*/ 36674 h 43219"/>
                  <a:gd name="connsiteX17" fmla="*/ 25267 w 44820"/>
                  <a:gd name="connsiteY17" fmla="*/ 42965 h 43219"/>
                  <a:gd name="connsiteX18" fmla="*/ 18080 w 44820"/>
                  <a:gd name="connsiteY18" fmla="*/ 39125 h 43219"/>
                  <a:gd name="connsiteX19" fmla="*/ 7404 w 44820"/>
                  <a:gd name="connsiteY19" fmla="*/ 35331 h 43219"/>
                  <a:gd name="connsiteX20" fmla="*/ 2710 w 44820"/>
                  <a:gd name="connsiteY20" fmla="*/ 31109 h 43219"/>
                  <a:gd name="connsiteX21" fmla="*/ 3713 w 44820"/>
                  <a:gd name="connsiteY21" fmla="*/ 25410 h 43219"/>
                  <a:gd name="connsiteX22" fmla="*/ 206 w 44820"/>
                  <a:gd name="connsiteY22" fmla="*/ 19877 h 43219"/>
                  <a:gd name="connsiteX23" fmla="*/ 3220 w 44820"/>
                  <a:gd name="connsiteY23" fmla="*/ 13566 h 43219"/>
                  <a:gd name="connsiteX24" fmla="*/ 3246 w 44820"/>
                  <a:gd name="connsiteY24" fmla="*/ 13295 h 43219"/>
                  <a:gd name="connsiteX0" fmla="*/ 30183 w 44820"/>
                  <a:gd name="connsiteY0" fmla="*/ 36455 h 43219"/>
                  <a:gd name="connsiteX1" fmla="*/ 30160 w 44820"/>
                  <a:gd name="connsiteY1" fmla="*/ 36519 h 43219"/>
                  <a:gd name="connsiteX0" fmla="*/ 3246 w 44820"/>
                  <a:gd name="connsiteY0" fmla="*/ 13295 h 43219"/>
                  <a:gd name="connsiteX1" fmla="*/ 6002 w 44820"/>
                  <a:gd name="connsiteY1" fmla="*/ 5156 h 43219"/>
                  <a:gd name="connsiteX2" fmla="*/ 15605 w 44820"/>
                  <a:gd name="connsiteY2" fmla="*/ 5061 h 43219"/>
                  <a:gd name="connsiteX3" fmla="*/ 24056 w 44820"/>
                  <a:gd name="connsiteY3" fmla="*/ 3291 h 43219"/>
                  <a:gd name="connsiteX4" fmla="*/ 27349 w 44820"/>
                  <a:gd name="connsiteY4" fmla="*/ 59 h 43219"/>
                  <a:gd name="connsiteX5" fmla="*/ 31433 w 44820"/>
                  <a:gd name="connsiteY5" fmla="*/ 2340 h 43219"/>
                  <a:gd name="connsiteX6" fmla="*/ 37063 w 44820"/>
                  <a:gd name="connsiteY6" fmla="*/ 549 h 43219"/>
                  <a:gd name="connsiteX7" fmla="*/ 39918 w 44820"/>
                  <a:gd name="connsiteY7" fmla="*/ 5435 h 43219"/>
                  <a:gd name="connsiteX8" fmla="*/ 43582 w 44820"/>
                  <a:gd name="connsiteY8" fmla="*/ 10177 h 43219"/>
                  <a:gd name="connsiteX9" fmla="*/ 43418 w 44820"/>
                  <a:gd name="connsiteY9" fmla="*/ 15319 h 43219"/>
                  <a:gd name="connsiteX10" fmla="*/ 44616 w 44820"/>
                  <a:gd name="connsiteY10" fmla="*/ 23181 h 43219"/>
                  <a:gd name="connsiteX11" fmla="*/ 39004 w 44820"/>
                  <a:gd name="connsiteY11" fmla="*/ 30063 h 43219"/>
                  <a:gd name="connsiteX12" fmla="*/ 38576 w 44820"/>
                  <a:gd name="connsiteY12" fmla="*/ 32109 h 43219"/>
                  <a:gd name="connsiteX13" fmla="*/ 40877 w 44820"/>
                  <a:gd name="connsiteY13" fmla="*/ 36007 h 43219"/>
                  <a:gd name="connsiteX14" fmla="*/ 37614 w 44820"/>
                  <a:gd name="connsiteY14" fmla="*/ 35003 h 43219"/>
                  <a:gd name="connsiteX15" fmla="*/ 36682 w 44820"/>
                  <a:gd name="connsiteY15" fmla="*/ 36183 h 43219"/>
                  <a:gd name="connsiteX16" fmla="*/ 30155 w 44820"/>
                  <a:gd name="connsiteY16" fmla="*/ 36674 h 43219"/>
                  <a:gd name="connsiteX17" fmla="*/ 25267 w 44820"/>
                  <a:gd name="connsiteY17" fmla="*/ 42965 h 43219"/>
                  <a:gd name="connsiteX18" fmla="*/ 18080 w 44820"/>
                  <a:gd name="connsiteY18" fmla="*/ 39125 h 43219"/>
                  <a:gd name="connsiteX19" fmla="*/ 7404 w 44820"/>
                  <a:gd name="connsiteY19" fmla="*/ 35331 h 43219"/>
                  <a:gd name="connsiteX20" fmla="*/ 2710 w 44820"/>
                  <a:gd name="connsiteY20" fmla="*/ 31109 h 43219"/>
                  <a:gd name="connsiteX21" fmla="*/ 3713 w 44820"/>
                  <a:gd name="connsiteY21" fmla="*/ 25410 h 43219"/>
                  <a:gd name="connsiteX22" fmla="*/ 206 w 44820"/>
                  <a:gd name="connsiteY22" fmla="*/ 19877 h 43219"/>
                  <a:gd name="connsiteX23" fmla="*/ 3220 w 44820"/>
                  <a:gd name="connsiteY23" fmla="*/ 13566 h 43219"/>
                  <a:gd name="connsiteX24" fmla="*/ 3246 w 44820"/>
                  <a:gd name="connsiteY24" fmla="*/ 13295 h 43219"/>
                  <a:gd name="connsiteX0" fmla="*/ 30183 w 44820"/>
                  <a:gd name="connsiteY0" fmla="*/ 36455 h 43219"/>
                  <a:gd name="connsiteX1" fmla="*/ 30160 w 44820"/>
                  <a:gd name="connsiteY1" fmla="*/ 36519 h 43219"/>
                  <a:gd name="connsiteX0" fmla="*/ 2522 w 44820"/>
                  <a:gd name="connsiteY0" fmla="*/ 12436 h 43219"/>
                  <a:gd name="connsiteX1" fmla="*/ 6002 w 44820"/>
                  <a:gd name="connsiteY1" fmla="*/ 5156 h 43219"/>
                  <a:gd name="connsiteX2" fmla="*/ 15605 w 44820"/>
                  <a:gd name="connsiteY2" fmla="*/ 5061 h 43219"/>
                  <a:gd name="connsiteX3" fmla="*/ 24056 w 44820"/>
                  <a:gd name="connsiteY3" fmla="*/ 3291 h 43219"/>
                  <a:gd name="connsiteX4" fmla="*/ 27349 w 44820"/>
                  <a:gd name="connsiteY4" fmla="*/ 59 h 43219"/>
                  <a:gd name="connsiteX5" fmla="*/ 31433 w 44820"/>
                  <a:gd name="connsiteY5" fmla="*/ 2340 h 43219"/>
                  <a:gd name="connsiteX6" fmla="*/ 37063 w 44820"/>
                  <a:gd name="connsiteY6" fmla="*/ 549 h 43219"/>
                  <a:gd name="connsiteX7" fmla="*/ 39918 w 44820"/>
                  <a:gd name="connsiteY7" fmla="*/ 5435 h 43219"/>
                  <a:gd name="connsiteX8" fmla="*/ 43582 w 44820"/>
                  <a:gd name="connsiteY8" fmla="*/ 10177 h 43219"/>
                  <a:gd name="connsiteX9" fmla="*/ 43418 w 44820"/>
                  <a:gd name="connsiteY9" fmla="*/ 15319 h 43219"/>
                  <a:gd name="connsiteX10" fmla="*/ 44616 w 44820"/>
                  <a:gd name="connsiteY10" fmla="*/ 23181 h 43219"/>
                  <a:gd name="connsiteX11" fmla="*/ 39004 w 44820"/>
                  <a:gd name="connsiteY11" fmla="*/ 30063 h 43219"/>
                  <a:gd name="connsiteX12" fmla="*/ 38576 w 44820"/>
                  <a:gd name="connsiteY12" fmla="*/ 32109 h 43219"/>
                  <a:gd name="connsiteX13" fmla="*/ 40877 w 44820"/>
                  <a:gd name="connsiteY13" fmla="*/ 36007 h 43219"/>
                  <a:gd name="connsiteX14" fmla="*/ 37614 w 44820"/>
                  <a:gd name="connsiteY14" fmla="*/ 35003 h 43219"/>
                  <a:gd name="connsiteX15" fmla="*/ 36682 w 44820"/>
                  <a:gd name="connsiteY15" fmla="*/ 36183 h 43219"/>
                  <a:gd name="connsiteX16" fmla="*/ 30155 w 44820"/>
                  <a:gd name="connsiteY16" fmla="*/ 36674 h 43219"/>
                  <a:gd name="connsiteX17" fmla="*/ 25267 w 44820"/>
                  <a:gd name="connsiteY17" fmla="*/ 42965 h 43219"/>
                  <a:gd name="connsiteX18" fmla="*/ 18080 w 44820"/>
                  <a:gd name="connsiteY18" fmla="*/ 39125 h 43219"/>
                  <a:gd name="connsiteX19" fmla="*/ 7404 w 44820"/>
                  <a:gd name="connsiteY19" fmla="*/ 35331 h 43219"/>
                  <a:gd name="connsiteX20" fmla="*/ 2710 w 44820"/>
                  <a:gd name="connsiteY20" fmla="*/ 31109 h 43219"/>
                  <a:gd name="connsiteX21" fmla="*/ 3713 w 44820"/>
                  <a:gd name="connsiteY21" fmla="*/ 25410 h 43219"/>
                  <a:gd name="connsiteX22" fmla="*/ 206 w 44820"/>
                  <a:gd name="connsiteY22" fmla="*/ 19877 h 43219"/>
                  <a:gd name="connsiteX23" fmla="*/ 3220 w 44820"/>
                  <a:gd name="connsiteY23" fmla="*/ 13566 h 43219"/>
                  <a:gd name="connsiteX24" fmla="*/ 2522 w 44820"/>
                  <a:gd name="connsiteY24" fmla="*/ 12436 h 43219"/>
                  <a:gd name="connsiteX0" fmla="*/ 30183 w 44820"/>
                  <a:gd name="connsiteY0" fmla="*/ 36455 h 43219"/>
                  <a:gd name="connsiteX1" fmla="*/ 30160 w 44820"/>
                  <a:gd name="connsiteY1" fmla="*/ 36519 h 43219"/>
                  <a:gd name="connsiteX0" fmla="*/ 2744 w 45042"/>
                  <a:gd name="connsiteY0" fmla="*/ 12436 h 43219"/>
                  <a:gd name="connsiteX1" fmla="*/ 6224 w 45042"/>
                  <a:gd name="connsiteY1" fmla="*/ 5156 h 43219"/>
                  <a:gd name="connsiteX2" fmla="*/ 15827 w 45042"/>
                  <a:gd name="connsiteY2" fmla="*/ 5061 h 43219"/>
                  <a:gd name="connsiteX3" fmla="*/ 24278 w 45042"/>
                  <a:gd name="connsiteY3" fmla="*/ 3291 h 43219"/>
                  <a:gd name="connsiteX4" fmla="*/ 27571 w 45042"/>
                  <a:gd name="connsiteY4" fmla="*/ 59 h 43219"/>
                  <a:gd name="connsiteX5" fmla="*/ 31655 w 45042"/>
                  <a:gd name="connsiteY5" fmla="*/ 2340 h 43219"/>
                  <a:gd name="connsiteX6" fmla="*/ 37285 w 45042"/>
                  <a:gd name="connsiteY6" fmla="*/ 549 h 43219"/>
                  <a:gd name="connsiteX7" fmla="*/ 40140 w 45042"/>
                  <a:gd name="connsiteY7" fmla="*/ 5435 h 43219"/>
                  <a:gd name="connsiteX8" fmla="*/ 43804 w 45042"/>
                  <a:gd name="connsiteY8" fmla="*/ 10177 h 43219"/>
                  <a:gd name="connsiteX9" fmla="*/ 43640 w 45042"/>
                  <a:gd name="connsiteY9" fmla="*/ 15319 h 43219"/>
                  <a:gd name="connsiteX10" fmla="*/ 44838 w 45042"/>
                  <a:gd name="connsiteY10" fmla="*/ 23181 h 43219"/>
                  <a:gd name="connsiteX11" fmla="*/ 39226 w 45042"/>
                  <a:gd name="connsiteY11" fmla="*/ 30063 h 43219"/>
                  <a:gd name="connsiteX12" fmla="*/ 38798 w 45042"/>
                  <a:gd name="connsiteY12" fmla="*/ 32109 h 43219"/>
                  <a:gd name="connsiteX13" fmla="*/ 41099 w 45042"/>
                  <a:gd name="connsiteY13" fmla="*/ 36007 h 43219"/>
                  <a:gd name="connsiteX14" fmla="*/ 37836 w 45042"/>
                  <a:gd name="connsiteY14" fmla="*/ 35003 h 43219"/>
                  <a:gd name="connsiteX15" fmla="*/ 36904 w 45042"/>
                  <a:gd name="connsiteY15" fmla="*/ 36183 h 43219"/>
                  <a:gd name="connsiteX16" fmla="*/ 30377 w 45042"/>
                  <a:gd name="connsiteY16" fmla="*/ 36674 h 43219"/>
                  <a:gd name="connsiteX17" fmla="*/ 25489 w 45042"/>
                  <a:gd name="connsiteY17" fmla="*/ 42965 h 43219"/>
                  <a:gd name="connsiteX18" fmla="*/ 18302 w 45042"/>
                  <a:gd name="connsiteY18" fmla="*/ 39125 h 43219"/>
                  <a:gd name="connsiteX19" fmla="*/ 7626 w 45042"/>
                  <a:gd name="connsiteY19" fmla="*/ 35331 h 43219"/>
                  <a:gd name="connsiteX20" fmla="*/ 2932 w 45042"/>
                  <a:gd name="connsiteY20" fmla="*/ 31109 h 43219"/>
                  <a:gd name="connsiteX21" fmla="*/ 3935 w 45042"/>
                  <a:gd name="connsiteY21" fmla="*/ 25410 h 43219"/>
                  <a:gd name="connsiteX22" fmla="*/ 428 w 45042"/>
                  <a:gd name="connsiteY22" fmla="*/ 19877 h 43219"/>
                  <a:gd name="connsiteX23" fmla="*/ 2732 w 45042"/>
                  <a:gd name="connsiteY23" fmla="*/ 14201 h 43219"/>
                  <a:gd name="connsiteX24" fmla="*/ 2744 w 45042"/>
                  <a:gd name="connsiteY24" fmla="*/ 12436 h 43219"/>
                  <a:gd name="connsiteX0" fmla="*/ 30405 w 45042"/>
                  <a:gd name="connsiteY0" fmla="*/ 36455 h 43219"/>
                  <a:gd name="connsiteX1" fmla="*/ 30382 w 45042"/>
                  <a:gd name="connsiteY1" fmla="*/ 36519 h 43219"/>
                  <a:gd name="connsiteX0" fmla="*/ 2612 w 44910"/>
                  <a:gd name="connsiteY0" fmla="*/ 12436 h 43219"/>
                  <a:gd name="connsiteX1" fmla="*/ 6092 w 44910"/>
                  <a:gd name="connsiteY1" fmla="*/ 5156 h 43219"/>
                  <a:gd name="connsiteX2" fmla="*/ 15695 w 44910"/>
                  <a:gd name="connsiteY2" fmla="*/ 5061 h 43219"/>
                  <a:gd name="connsiteX3" fmla="*/ 24146 w 44910"/>
                  <a:gd name="connsiteY3" fmla="*/ 3291 h 43219"/>
                  <a:gd name="connsiteX4" fmla="*/ 27439 w 44910"/>
                  <a:gd name="connsiteY4" fmla="*/ 59 h 43219"/>
                  <a:gd name="connsiteX5" fmla="*/ 31523 w 44910"/>
                  <a:gd name="connsiteY5" fmla="*/ 2340 h 43219"/>
                  <a:gd name="connsiteX6" fmla="*/ 37153 w 44910"/>
                  <a:gd name="connsiteY6" fmla="*/ 549 h 43219"/>
                  <a:gd name="connsiteX7" fmla="*/ 40008 w 44910"/>
                  <a:gd name="connsiteY7" fmla="*/ 5435 h 43219"/>
                  <a:gd name="connsiteX8" fmla="*/ 43672 w 44910"/>
                  <a:gd name="connsiteY8" fmla="*/ 10177 h 43219"/>
                  <a:gd name="connsiteX9" fmla="*/ 43508 w 44910"/>
                  <a:gd name="connsiteY9" fmla="*/ 15319 h 43219"/>
                  <a:gd name="connsiteX10" fmla="*/ 44706 w 44910"/>
                  <a:gd name="connsiteY10" fmla="*/ 23181 h 43219"/>
                  <a:gd name="connsiteX11" fmla="*/ 39094 w 44910"/>
                  <a:gd name="connsiteY11" fmla="*/ 30063 h 43219"/>
                  <a:gd name="connsiteX12" fmla="*/ 38666 w 44910"/>
                  <a:gd name="connsiteY12" fmla="*/ 32109 h 43219"/>
                  <a:gd name="connsiteX13" fmla="*/ 40967 w 44910"/>
                  <a:gd name="connsiteY13" fmla="*/ 36007 h 43219"/>
                  <a:gd name="connsiteX14" fmla="*/ 37704 w 44910"/>
                  <a:gd name="connsiteY14" fmla="*/ 35003 h 43219"/>
                  <a:gd name="connsiteX15" fmla="*/ 36772 w 44910"/>
                  <a:gd name="connsiteY15" fmla="*/ 36183 h 43219"/>
                  <a:gd name="connsiteX16" fmla="*/ 30245 w 44910"/>
                  <a:gd name="connsiteY16" fmla="*/ 36674 h 43219"/>
                  <a:gd name="connsiteX17" fmla="*/ 25357 w 44910"/>
                  <a:gd name="connsiteY17" fmla="*/ 42965 h 43219"/>
                  <a:gd name="connsiteX18" fmla="*/ 18170 w 44910"/>
                  <a:gd name="connsiteY18" fmla="*/ 39125 h 43219"/>
                  <a:gd name="connsiteX19" fmla="*/ 7494 w 44910"/>
                  <a:gd name="connsiteY19" fmla="*/ 35331 h 43219"/>
                  <a:gd name="connsiteX20" fmla="*/ 2800 w 44910"/>
                  <a:gd name="connsiteY20" fmla="*/ 31109 h 43219"/>
                  <a:gd name="connsiteX21" fmla="*/ 3803 w 44910"/>
                  <a:gd name="connsiteY21" fmla="*/ 25410 h 43219"/>
                  <a:gd name="connsiteX22" fmla="*/ 296 w 44910"/>
                  <a:gd name="connsiteY22" fmla="*/ 19877 h 43219"/>
                  <a:gd name="connsiteX23" fmla="*/ 2600 w 44910"/>
                  <a:gd name="connsiteY23" fmla="*/ 14201 h 43219"/>
                  <a:gd name="connsiteX24" fmla="*/ 2612 w 44910"/>
                  <a:gd name="connsiteY24" fmla="*/ 12436 h 43219"/>
                  <a:gd name="connsiteX0" fmla="*/ 30273 w 44910"/>
                  <a:gd name="connsiteY0" fmla="*/ 36455 h 43219"/>
                  <a:gd name="connsiteX1" fmla="*/ 30250 w 44910"/>
                  <a:gd name="connsiteY1" fmla="*/ 36519 h 43219"/>
                  <a:gd name="connsiteX0" fmla="*/ 2775 w 45073"/>
                  <a:gd name="connsiteY0" fmla="*/ 12436 h 43219"/>
                  <a:gd name="connsiteX1" fmla="*/ 6255 w 45073"/>
                  <a:gd name="connsiteY1" fmla="*/ 5156 h 43219"/>
                  <a:gd name="connsiteX2" fmla="*/ 15858 w 45073"/>
                  <a:gd name="connsiteY2" fmla="*/ 5061 h 43219"/>
                  <a:gd name="connsiteX3" fmla="*/ 24309 w 45073"/>
                  <a:gd name="connsiteY3" fmla="*/ 3291 h 43219"/>
                  <a:gd name="connsiteX4" fmla="*/ 27602 w 45073"/>
                  <a:gd name="connsiteY4" fmla="*/ 59 h 43219"/>
                  <a:gd name="connsiteX5" fmla="*/ 31686 w 45073"/>
                  <a:gd name="connsiteY5" fmla="*/ 2340 h 43219"/>
                  <a:gd name="connsiteX6" fmla="*/ 37316 w 45073"/>
                  <a:gd name="connsiteY6" fmla="*/ 549 h 43219"/>
                  <a:gd name="connsiteX7" fmla="*/ 40171 w 45073"/>
                  <a:gd name="connsiteY7" fmla="*/ 5435 h 43219"/>
                  <a:gd name="connsiteX8" fmla="*/ 43835 w 45073"/>
                  <a:gd name="connsiteY8" fmla="*/ 10177 h 43219"/>
                  <a:gd name="connsiteX9" fmla="*/ 43671 w 45073"/>
                  <a:gd name="connsiteY9" fmla="*/ 15319 h 43219"/>
                  <a:gd name="connsiteX10" fmla="*/ 44869 w 45073"/>
                  <a:gd name="connsiteY10" fmla="*/ 23181 h 43219"/>
                  <a:gd name="connsiteX11" fmla="*/ 39257 w 45073"/>
                  <a:gd name="connsiteY11" fmla="*/ 30063 h 43219"/>
                  <a:gd name="connsiteX12" fmla="*/ 38829 w 45073"/>
                  <a:gd name="connsiteY12" fmla="*/ 32109 h 43219"/>
                  <a:gd name="connsiteX13" fmla="*/ 41130 w 45073"/>
                  <a:gd name="connsiteY13" fmla="*/ 36007 h 43219"/>
                  <a:gd name="connsiteX14" fmla="*/ 37867 w 45073"/>
                  <a:gd name="connsiteY14" fmla="*/ 35003 h 43219"/>
                  <a:gd name="connsiteX15" fmla="*/ 36935 w 45073"/>
                  <a:gd name="connsiteY15" fmla="*/ 36183 h 43219"/>
                  <a:gd name="connsiteX16" fmla="*/ 30408 w 45073"/>
                  <a:gd name="connsiteY16" fmla="*/ 36674 h 43219"/>
                  <a:gd name="connsiteX17" fmla="*/ 25520 w 45073"/>
                  <a:gd name="connsiteY17" fmla="*/ 42965 h 43219"/>
                  <a:gd name="connsiteX18" fmla="*/ 18333 w 45073"/>
                  <a:gd name="connsiteY18" fmla="*/ 39125 h 43219"/>
                  <a:gd name="connsiteX19" fmla="*/ 7657 w 45073"/>
                  <a:gd name="connsiteY19" fmla="*/ 35331 h 43219"/>
                  <a:gd name="connsiteX20" fmla="*/ 2963 w 45073"/>
                  <a:gd name="connsiteY20" fmla="*/ 31109 h 43219"/>
                  <a:gd name="connsiteX21" fmla="*/ 3966 w 45073"/>
                  <a:gd name="connsiteY21" fmla="*/ 25410 h 43219"/>
                  <a:gd name="connsiteX22" fmla="*/ 227 w 45073"/>
                  <a:gd name="connsiteY22" fmla="*/ 22353 h 43219"/>
                  <a:gd name="connsiteX23" fmla="*/ 2763 w 45073"/>
                  <a:gd name="connsiteY23" fmla="*/ 14201 h 43219"/>
                  <a:gd name="connsiteX24" fmla="*/ 2775 w 45073"/>
                  <a:gd name="connsiteY24" fmla="*/ 12436 h 43219"/>
                  <a:gd name="connsiteX0" fmla="*/ 30436 w 45073"/>
                  <a:gd name="connsiteY0" fmla="*/ 36455 h 43219"/>
                  <a:gd name="connsiteX1" fmla="*/ 30413 w 45073"/>
                  <a:gd name="connsiteY1" fmla="*/ 36519 h 43219"/>
                  <a:gd name="connsiteX0" fmla="*/ 2775 w 45073"/>
                  <a:gd name="connsiteY0" fmla="*/ 12436 h 43219"/>
                  <a:gd name="connsiteX1" fmla="*/ 6255 w 45073"/>
                  <a:gd name="connsiteY1" fmla="*/ 5156 h 43219"/>
                  <a:gd name="connsiteX2" fmla="*/ 15858 w 45073"/>
                  <a:gd name="connsiteY2" fmla="*/ 5061 h 43219"/>
                  <a:gd name="connsiteX3" fmla="*/ 24309 w 45073"/>
                  <a:gd name="connsiteY3" fmla="*/ 3291 h 43219"/>
                  <a:gd name="connsiteX4" fmla="*/ 27602 w 45073"/>
                  <a:gd name="connsiteY4" fmla="*/ 59 h 43219"/>
                  <a:gd name="connsiteX5" fmla="*/ 31686 w 45073"/>
                  <a:gd name="connsiteY5" fmla="*/ 2340 h 43219"/>
                  <a:gd name="connsiteX6" fmla="*/ 37316 w 45073"/>
                  <a:gd name="connsiteY6" fmla="*/ 549 h 43219"/>
                  <a:gd name="connsiteX7" fmla="*/ 40171 w 45073"/>
                  <a:gd name="connsiteY7" fmla="*/ 5435 h 43219"/>
                  <a:gd name="connsiteX8" fmla="*/ 43835 w 45073"/>
                  <a:gd name="connsiteY8" fmla="*/ 10177 h 43219"/>
                  <a:gd name="connsiteX9" fmla="*/ 43671 w 45073"/>
                  <a:gd name="connsiteY9" fmla="*/ 15319 h 43219"/>
                  <a:gd name="connsiteX10" fmla="*/ 44869 w 45073"/>
                  <a:gd name="connsiteY10" fmla="*/ 23181 h 43219"/>
                  <a:gd name="connsiteX11" fmla="*/ 39257 w 45073"/>
                  <a:gd name="connsiteY11" fmla="*/ 30063 h 43219"/>
                  <a:gd name="connsiteX12" fmla="*/ 38829 w 45073"/>
                  <a:gd name="connsiteY12" fmla="*/ 32109 h 43219"/>
                  <a:gd name="connsiteX13" fmla="*/ 41130 w 45073"/>
                  <a:gd name="connsiteY13" fmla="*/ 36007 h 43219"/>
                  <a:gd name="connsiteX14" fmla="*/ 37867 w 45073"/>
                  <a:gd name="connsiteY14" fmla="*/ 35003 h 43219"/>
                  <a:gd name="connsiteX15" fmla="*/ 36935 w 45073"/>
                  <a:gd name="connsiteY15" fmla="*/ 36183 h 43219"/>
                  <a:gd name="connsiteX16" fmla="*/ 30408 w 45073"/>
                  <a:gd name="connsiteY16" fmla="*/ 36674 h 43219"/>
                  <a:gd name="connsiteX17" fmla="*/ 25520 w 45073"/>
                  <a:gd name="connsiteY17" fmla="*/ 42965 h 43219"/>
                  <a:gd name="connsiteX18" fmla="*/ 18333 w 45073"/>
                  <a:gd name="connsiteY18" fmla="*/ 39125 h 43219"/>
                  <a:gd name="connsiteX19" fmla="*/ 7657 w 45073"/>
                  <a:gd name="connsiteY19" fmla="*/ 35331 h 43219"/>
                  <a:gd name="connsiteX20" fmla="*/ 2963 w 45073"/>
                  <a:gd name="connsiteY20" fmla="*/ 31109 h 43219"/>
                  <a:gd name="connsiteX21" fmla="*/ 3966 w 45073"/>
                  <a:gd name="connsiteY21" fmla="*/ 25410 h 43219"/>
                  <a:gd name="connsiteX22" fmla="*/ 227 w 45073"/>
                  <a:gd name="connsiteY22" fmla="*/ 22353 h 43219"/>
                  <a:gd name="connsiteX23" fmla="*/ 2763 w 45073"/>
                  <a:gd name="connsiteY23" fmla="*/ 14201 h 43219"/>
                  <a:gd name="connsiteX24" fmla="*/ 2775 w 45073"/>
                  <a:gd name="connsiteY24" fmla="*/ 12436 h 43219"/>
                  <a:gd name="connsiteX0" fmla="*/ 30436 w 45073"/>
                  <a:gd name="connsiteY0" fmla="*/ 36455 h 43219"/>
                  <a:gd name="connsiteX1" fmla="*/ 30413 w 45073"/>
                  <a:gd name="connsiteY1" fmla="*/ 36519 h 43219"/>
                  <a:gd name="connsiteX0" fmla="*/ 2775 w 45073"/>
                  <a:gd name="connsiteY0" fmla="*/ 12436 h 43219"/>
                  <a:gd name="connsiteX1" fmla="*/ 6255 w 45073"/>
                  <a:gd name="connsiteY1" fmla="*/ 5156 h 43219"/>
                  <a:gd name="connsiteX2" fmla="*/ 15858 w 45073"/>
                  <a:gd name="connsiteY2" fmla="*/ 5061 h 43219"/>
                  <a:gd name="connsiteX3" fmla="*/ 24309 w 45073"/>
                  <a:gd name="connsiteY3" fmla="*/ 3291 h 43219"/>
                  <a:gd name="connsiteX4" fmla="*/ 27602 w 45073"/>
                  <a:gd name="connsiteY4" fmla="*/ 59 h 43219"/>
                  <a:gd name="connsiteX5" fmla="*/ 31686 w 45073"/>
                  <a:gd name="connsiteY5" fmla="*/ 2340 h 43219"/>
                  <a:gd name="connsiteX6" fmla="*/ 37316 w 45073"/>
                  <a:gd name="connsiteY6" fmla="*/ 549 h 43219"/>
                  <a:gd name="connsiteX7" fmla="*/ 40171 w 45073"/>
                  <a:gd name="connsiteY7" fmla="*/ 5435 h 43219"/>
                  <a:gd name="connsiteX8" fmla="*/ 43835 w 45073"/>
                  <a:gd name="connsiteY8" fmla="*/ 10177 h 43219"/>
                  <a:gd name="connsiteX9" fmla="*/ 43671 w 45073"/>
                  <a:gd name="connsiteY9" fmla="*/ 15319 h 43219"/>
                  <a:gd name="connsiteX10" fmla="*/ 44869 w 45073"/>
                  <a:gd name="connsiteY10" fmla="*/ 23181 h 43219"/>
                  <a:gd name="connsiteX11" fmla="*/ 39257 w 45073"/>
                  <a:gd name="connsiteY11" fmla="*/ 30063 h 43219"/>
                  <a:gd name="connsiteX12" fmla="*/ 38829 w 45073"/>
                  <a:gd name="connsiteY12" fmla="*/ 32109 h 43219"/>
                  <a:gd name="connsiteX13" fmla="*/ 41130 w 45073"/>
                  <a:gd name="connsiteY13" fmla="*/ 36007 h 43219"/>
                  <a:gd name="connsiteX14" fmla="*/ 37867 w 45073"/>
                  <a:gd name="connsiteY14" fmla="*/ 35003 h 43219"/>
                  <a:gd name="connsiteX15" fmla="*/ 36935 w 45073"/>
                  <a:gd name="connsiteY15" fmla="*/ 36183 h 43219"/>
                  <a:gd name="connsiteX16" fmla="*/ 30408 w 45073"/>
                  <a:gd name="connsiteY16" fmla="*/ 36674 h 43219"/>
                  <a:gd name="connsiteX17" fmla="*/ 25520 w 45073"/>
                  <a:gd name="connsiteY17" fmla="*/ 42965 h 43219"/>
                  <a:gd name="connsiteX18" fmla="*/ 18333 w 45073"/>
                  <a:gd name="connsiteY18" fmla="*/ 39125 h 43219"/>
                  <a:gd name="connsiteX19" fmla="*/ 7657 w 45073"/>
                  <a:gd name="connsiteY19" fmla="*/ 35331 h 43219"/>
                  <a:gd name="connsiteX20" fmla="*/ 2963 w 45073"/>
                  <a:gd name="connsiteY20" fmla="*/ 31109 h 43219"/>
                  <a:gd name="connsiteX21" fmla="*/ 3546 w 45073"/>
                  <a:gd name="connsiteY21" fmla="*/ 25600 h 43219"/>
                  <a:gd name="connsiteX22" fmla="*/ 227 w 45073"/>
                  <a:gd name="connsiteY22" fmla="*/ 22353 h 43219"/>
                  <a:gd name="connsiteX23" fmla="*/ 2763 w 45073"/>
                  <a:gd name="connsiteY23" fmla="*/ 14201 h 43219"/>
                  <a:gd name="connsiteX24" fmla="*/ 2775 w 45073"/>
                  <a:gd name="connsiteY24" fmla="*/ 12436 h 43219"/>
                  <a:gd name="connsiteX0" fmla="*/ 30436 w 45073"/>
                  <a:gd name="connsiteY0" fmla="*/ 36455 h 43219"/>
                  <a:gd name="connsiteX1" fmla="*/ 30413 w 45073"/>
                  <a:gd name="connsiteY1" fmla="*/ 36519 h 43219"/>
                  <a:gd name="connsiteX0" fmla="*/ 2800 w 45098"/>
                  <a:gd name="connsiteY0" fmla="*/ 12436 h 43219"/>
                  <a:gd name="connsiteX1" fmla="*/ 6280 w 45098"/>
                  <a:gd name="connsiteY1" fmla="*/ 5156 h 43219"/>
                  <a:gd name="connsiteX2" fmla="*/ 15883 w 45098"/>
                  <a:gd name="connsiteY2" fmla="*/ 5061 h 43219"/>
                  <a:gd name="connsiteX3" fmla="*/ 24334 w 45098"/>
                  <a:gd name="connsiteY3" fmla="*/ 3291 h 43219"/>
                  <a:gd name="connsiteX4" fmla="*/ 27627 w 45098"/>
                  <a:gd name="connsiteY4" fmla="*/ 59 h 43219"/>
                  <a:gd name="connsiteX5" fmla="*/ 31711 w 45098"/>
                  <a:gd name="connsiteY5" fmla="*/ 2340 h 43219"/>
                  <a:gd name="connsiteX6" fmla="*/ 37341 w 45098"/>
                  <a:gd name="connsiteY6" fmla="*/ 549 h 43219"/>
                  <a:gd name="connsiteX7" fmla="*/ 40196 w 45098"/>
                  <a:gd name="connsiteY7" fmla="*/ 5435 h 43219"/>
                  <a:gd name="connsiteX8" fmla="*/ 43860 w 45098"/>
                  <a:gd name="connsiteY8" fmla="*/ 10177 h 43219"/>
                  <a:gd name="connsiteX9" fmla="*/ 43696 w 45098"/>
                  <a:gd name="connsiteY9" fmla="*/ 15319 h 43219"/>
                  <a:gd name="connsiteX10" fmla="*/ 44894 w 45098"/>
                  <a:gd name="connsiteY10" fmla="*/ 23181 h 43219"/>
                  <a:gd name="connsiteX11" fmla="*/ 39282 w 45098"/>
                  <a:gd name="connsiteY11" fmla="*/ 30063 h 43219"/>
                  <a:gd name="connsiteX12" fmla="*/ 38854 w 45098"/>
                  <a:gd name="connsiteY12" fmla="*/ 32109 h 43219"/>
                  <a:gd name="connsiteX13" fmla="*/ 41155 w 45098"/>
                  <a:gd name="connsiteY13" fmla="*/ 36007 h 43219"/>
                  <a:gd name="connsiteX14" fmla="*/ 37892 w 45098"/>
                  <a:gd name="connsiteY14" fmla="*/ 35003 h 43219"/>
                  <a:gd name="connsiteX15" fmla="*/ 36960 w 45098"/>
                  <a:gd name="connsiteY15" fmla="*/ 36183 h 43219"/>
                  <a:gd name="connsiteX16" fmla="*/ 30433 w 45098"/>
                  <a:gd name="connsiteY16" fmla="*/ 36674 h 43219"/>
                  <a:gd name="connsiteX17" fmla="*/ 25545 w 45098"/>
                  <a:gd name="connsiteY17" fmla="*/ 42965 h 43219"/>
                  <a:gd name="connsiteX18" fmla="*/ 18358 w 45098"/>
                  <a:gd name="connsiteY18" fmla="*/ 39125 h 43219"/>
                  <a:gd name="connsiteX19" fmla="*/ 7682 w 45098"/>
                  <a:gd name="connsiteY19" fmla="*/ 35331 h 43219"/>
                  <a:gd name="connsiteX20" fmla="*/ 2988 w 45098"/>
                  <a:gd name="connsiteY20" fmla="*/ 31109 h 43219"/>
                  <a:gd name="connsiteX21" fmla="*/ 3571 w 45098"/>
                  <a:gd name="connsiteY21" fmla="*/ 25600 h 43219"/>
                  <a:gd name="connsiteX22" fmla="*/ 219 w 45098"/>
                  <a:gd name="connsiteY22" fmla="*/ 21950 h 43219"/>
                  <a:gd name="connsiteX23" fmla="*/ 2788 w 45098"/>
                  <a:gd name="connsiteY23" fmla="*/ 14201 h 43219"/>
                  <a:gd name="connsiteX24" fmla="*/ 2800 w 45098"/>
                  <a:gd name="connsiteY24" fmla="*/ 12436 h 43219"/>
                  <a:gd name="connsiteX0" fmla="*/ 30461 w 45098"/>
                  <a:gd name="connsiteY0" fmla="*/ 36455 h 43219"/>
                  <a:gd name="connsiteX1" fmla="*/ 30438 w 45098"/>
                  <a:gd name="connsiteY1" fmla="*/ 36519 h 43219"/>
                  <a:gd name="connsiteX0" fmla="*/ 2800 w 45098"/>
                  <a:gd name="connsiteY0" fmla="*/ 12436 h 43219"/>
                  <a:gd name="connsiteX1" fmla="*/ 6280 w 45098"/>
                  <a:gd name="connsiteY1" fmla="*/ 5156 h 43219"/>
                  <a:gd name="connsiteX2" fmla="*/ 15883 w 45098"/>
                  <a:gd name="connsiteY2" fmla="*/ 5061 h 43219"/>
                  <a:gd name="connsiteX3" fmla="*/ 24334 w 45098"/>
                  <a:gd name="connsiteY3" fmla="*/ 3291 h 43219"/>
                  <a:gd name="connsiteX4" fmla="*/ 27627 w 45098"/>
                  <a:gd name="connsiteY4" fmla="*/ 59 h 43219"/>
                  <a:gd name="connsiteX5" fmla="*/ 31711 w 45098"/>
                  <a:gd name="connsiteY5" fmla="*/ 2340 h 43219"/>
                  <a:gd name="connsiteX6" fmla="*/ 37341 w 45098"/>
                  <a:gd name="connsiteY6" fmla="*/ 549 h 43219"/>
                  <a:gd name="connsiteX7" fmla="*/ 40196 w 45098"/>
                  <a:gd name="connsiteY7" fmla="*/ 5435 h 43219"/>
                  <a:gd name="connsiteX8" fmla="*/ 43860 w 45098"/>
                  <a:gd name="connsiteY8" fmla="*/ 10177 h 43219"/>
                  <a:gd name="connsiteX9" fmla="*/ 43696 w 45098"/>
                  <a:gd name="connsiteY9" fmla="*/ 15319 h 43219"/>
                  <a:gd name="connsiteX10" fmla="*/ 44894 w 45098"/>
                  <a:gd name="connsiteY10" fmla="*/ 23181 h 43219"/>
                  <a:gd name="connsiteX11" fmla="*/ 39282 w 45098"/>
                  <a:gd name="connsiteY11" fmla="*/ 30063 h 43219"/>
                  <a:gd name="connsiteX12" fmla="*/ 38854 w 45098"/>
                  <a:gd name="connsiteY12" fmla="*/ 32109 h 43219"/>
                  <a:gd name="connsiteX13" fmla="*/ 41155 w 45098"/>
                  <a:gd name="connsiteY13" fmla="*/ 36007 h 43219"/>
                  <a:gd name="connsiteX14" fmla="*/ 37892 w 45098"/>
                  <a:gd name="connsiteY14" fmla="*/ 35003 h 43219"/>
                  <a:gd name="connsiteX15" fmla="*/ 36960 w 45098"/>
                  <a:gd name="connsiteY15" fmla="*/ 36183 h 43219"/>
                  <a:gd name="connsiteX16" fmla="*/ 30433 w 45098"/>
                  <a:gd name="connsiteY16" fmla="*/ 36674 h 43219"/>
                  <a:gd name="connsiteX17" fmla="*/ 25545 w 45098"/>
                  <a:gd name="connsiteY17" fmla="*/ 42965 h 43219"/>
                  <a:gd name="connsiteX18" fmla="*/ 18358 w 45098"/>
                  <a:gd name="connsiteY18" fmla="*/ 39125 h 43219"/>
                  <a:gd name="connsiteX19" fmla="*/ 7682 w 45098"/>
                  <a:gd name="connsiteY19" fmla="*/ 35331 h 43219"/>
                  <a:gd name="connsiteX20" fmla="*/ 2988 w 45098"/>
                  <a:gd name="connsiteY20" fmla="*/ 31109 h 43219"/>
                  <a:gd name="connsiteX21" fmla="*/ 3571 w 45098"/>
                  <a:gd name="connsiteY21" fmla="*/ 25600 h 43219"/>
                  <a:gd name="connsiteX22" fmla="*/ 219 w 45098"/>
                  <a:gd name="connsiteY22" fmla="*/ 21950 h 43219"/>
                  <a:gd name="connsiteX23" fmla="*/ 2788 w 45098"/>
                  <a:gd name="connsiteY23" fmla="*/ 14201 h 43219"/>
                  <a:gd name="connsiteX24" fmla="*/ 2800 w 45098"/>
                  <a:gd name="connsiteY24" fmla="*/ 12436 h 43219"/>
                  <a:gd name="connsiteX0" fmla="*/ 30461 w 45098"/>
                  <a:gd name="connsiteY0" fmla="*/ 36455 h 43219"/>
                  <a:gd name="connsiteX1" fmla="*/ 30438 w 45098"/>
                  <a:gd name="connsiteY1" fmla="*/ 36519 h 43219"/>
                  <a:gd name="connsiteX0" fmla="*/ 2861 w 45159"/>
                  <a:gd name="connsiteY0" fmla="*/ 12436 h 43219"/>
                  <a:gd name="connsiteX1" fmla="*/ 6341 w 45159"/>
                  <a:gd name="connsiteY1" fmla="*/ 5156 h 43219"/>
                  <a:gd name="connsiteX2" fmla="*/ 15944 w 45159"/>
                  <a:gd name="connsiteY2" fmla="*/ 5061 h 43219"/>
                  <a:gd name="connsiteX3" fmla="*/ 24395 w 45159"/>
                  <a:gd name="connsiteY3" fmla="*/ 3291 h 43219"/>
                  <a:gd name="connsiteX4" fmla="*/ 27688 w 45159"/>
                  <a:gd name="connsiteY4" fmla="*/ 59 h 43219"/>
                  <a:gd name="connsiteX5" fmla="*/ 31772 w 45159"/>
                  <a:gd name="connsiteY5" fmla="*/ 2340 h 43219"/>
                  <a:gd name="connsiteX6" fmla="*/ 37402 w 45159"/>
                  <a:gd name="connsiteY6" fmla="*/ 549 h 43219"/>
                  <a:gd name="connsiteX7" fmla="*/ 40257 w 45159"/>
                  <a:gd name="connsiteY7" fmla="*/ 5435 h 43219"/>
                  <a:gd name="connsiteX8" fmla="*/ 43921 w 45159"/>
                  <a:gd name="connsiteY8" fmla="*/ 10177 h 43219"/>
                  <a:gd name="connsiteX9" fmla="*/ 43757 w 45159"/>
                  <a:gd name="connsiteY9" fmla="*/ 15319 h 43219"/>
                  <a:gd name="connsiteX10" fmla="*/ 44955 w 45159"/>
                  <a:gd name="connsiteY10" fmla="*/ 23181 h 43219"/>
                  <a:gd name="connsiteX11" fmla="*/ 39343 w 45159"/>
                  <a:gd name="connsiteY11" fmla="*/ 30063 h 43219"/>
                  <a:gd name="connsiteX12" fmla="*/ 38915 w 45159"/>
                  <a:gd name="connsiteY12" fmla="*/ 32109 h 43219"/>
                  <a:gd name="connsiteX13" fmla="*/ 41216 w 45159"/>
                  <a:gd name="connsiteY13" fmla="*/ 36007 h 43219"/>
                  <a:gd name="connsiteX14" fmla="*/ 37953 w 45159"/>
                  <a:gd name="connsiteY14" fmla="*/ 35003 h 43219"/>
                  <a:gd name="connsiteX15" fmla="*/ 37021 w 45159"/>
                  <a:gd name="connsiteY15" fmla="*/ 36183 h 43219"/>
                  <a:gd name="connsiteX16" fmla="*/ 30494 w 45159"/>
                  <a:gd name="connsiteY16" fmla="*/ 36674 h 43219"/>
                  <a:gd name="connsiteX17" fmla="*/ 25606 w 45159"/>
                  <a:gd name="connsiteY17" fmla="*/ 42965 h 43219"/>
                  <a:gd name="connsiteX18" fmla="*/ 18419 w 45159"/>
                  <a:gd name="connsiteY18" fmla="*/ 39125 h 43219"/>
                  <a:gd name="connsiteX19" fmla="*/ 7743 w 45159"/>
                  <a:gd name="connsiteY19" fmla="*/ 35331 h 43219"/>
                  <a:gd name="connsiteX20" fmla="*/ 3049 w 45159"/>
                  <a:gd name="connsiteY20" fmla="*/ 31109 h 43219"/>
                  <a:gd name="connsiteX21" fmla="*/ 3632 w 45159"/>
                  <a:gd name="connsiteY21" fmla="*/ 25600 h 43219"/>
                  <a:gd name="connsiteX22" fmla="*/ 280 w 45159"/>
                  <a:gd name="connsiteY22" fmla="*/ 21950 h 43219"/>
                  <a:gd name="connsiteX23" fmla="*/ 2849 w 45159"/>
                  <a:gd name="connsiteY23" fmla="*/ 14201 h 43219"/>
                  <a:gd name="connsiteX24" fmla="*/ 2861 w 45159"/>
                  <a:gd name="connsiteY24" fmla="*/ 12436 h 43219"/>
                  <a:gd name="connsiteX0" fmla="*/ 30522 w 45159"/>
                  <a:gd name="connsiteY0" fmla="*/ 36455 h 43219"/>
                  <a:gd name="connsiteX1" fmla="*/ 30499 w 45159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5159" h="43219">
                    <a:moveTo>
                      <a:pt x="2861" y="12436"/>
                    </a:moveTo>
                    <a:cubicBezTo>
                      <a:pt x="2590" y="9723"/>
                      <a:pt x="4160" y="6385"/>
                      <a:pt x="6341" y="5156"/>
                    </a:cubicBezTo>
                    <a:cubicBezTo>
                      <a:pt x="8522" y="3927"/>
                      <a:pt x="13203" y="2876"/>
                      <a:pt x="15944" y="5061"/>
                    </a:cubicBezTo>
                    <a:cubicBezTo>
                      <a:pt x="17617" y="768"/>
                      <a:pt x="21853" y="-119"/>
                      <a:pt x="24395" y="3291"/>
                    </a:cubicBezTo>
                    <a:cubicBezTo>
                      <a:pt x="25036" y="1542"/>
                      <a:pt x="26267" y="333"/>
                      <a:pt x="27688" y="59"/>
                    </a:cubicBezTo>
                    <a:cubicBezTo>
                      <a:pt x="29252" y="-243"/>
                      <a:pt x="30814" y="629"/>
                      <a:pt x="31772" y="2340"/>
                    </a:cubicBezTo>
                    <a:cubicBezTo>
                      <a:pt x="33154" y="126"/>
                      <a:pt x="35440" y="-601"/>
                      <a:pt x="37402" y="549"/>
                    </a:cubicBezTo>
                    <a:cubicBezTo>
                      <a:pt x="38897" y="1425"/>
                      <a:pt x="39969" y="3259"/>
                      <a:pt x="40257" y="5435"/>
                    </a:cubicBezTo>
                    <a:cubicBezTo>
                      <a:pt x="41985" y="6077"/>
                      <a:pt x="43361" y="7857"/>
                      <a:pt x="43921" y="10177"/>
                    </a:cubicBezTo>
                    <a:cubicBezTo>
                      <a:pt x="44328" y="11861"/>
                      <a:pt x="44270" y="13690"/>
                      <a:pt x="43757" y="15319"/>
                    </a:cubicBezTo>
                    <a:cubicBezTo>
                      <a:pt x="45018" y="17553"/>
                      <a:pt x="45459" y="20449"/>
                      <a:pt x="44955" y="23181"/>
                    </a:cubicBezTo>
                    <a:cubicBezTo>
                      <a:pt x="44285" y="26813"/>
                      <a:pt x="42067" y="29533"/>
                      <a:pt x="39343" y="30063"/>
                    </a:cubicBezTo>
                    <a:cubicBezTo>
                      <a:pt x="39383" y="30755"/>
                      <a:pt x="39258" y="31595"/>
                      <a:pt x="38915" y="32109"/>
                    </a:cubicBezTo>
                    <a:cubicBezTo>
                      <a:pt x="39874" y="31489"/>
                      <a:pt x="42392" y="32793"/>
                      <a:pt x="41216" y="36007"/>
                    </a:cubicBezTo>
                    <a:cubicBezTo>
                      <a:pt x="40407" y="38128"/>
                      <a:pt x="37647" y="37404"/>
                      <a:pt x="37953" y="35003"/>
                    </a:cubicBezTo>
                    <a:cubicBezTo>
                      <a:pt x="37667" y="35454"/>
                      <a:pt x="37326" y="35938"/>
                      <a:pt x="37021" y="36183"/>
                    </a:cubicBezTo>
                    <a:cubicBezTo>
                      <a:pt x="36028" y="36981"/>
                      <a:pt x="32643" y="38498"/>
                      <a:pt x="30494" y="36674"/>
                    </a:cubicBezTo>
                    <a:cubicBezTo>
                      <a:pt x="29799" y="39807"/>
                      <a:pt x="27938" y="42202"/>
                      <a:pt x="25606" y="42965"/>
                    </a:cubicBezTo>
                    <a:cubicBezTo>
                      <a:pt x="22858" y="43864"/>
                      <a:pt x="19990" y="42332"/>
                      <a:pt x="18419" y="39125"/>
                    </a:cubicBezTo>
                    <a:cubicBezTo>
                      <a:pt x="14711" y="42169"/>
                      <a:pt x="9895" y="40458"/>
                      <a:pt x="7743" y="35331"/>
                    </a:cubicBezTo>
                    <a:cubicBezTo>
                      <a:pt x="5629" y="35668"/>
                      <a:pt x="3734" y="32731"/>
                      <a:pt x="3049" y="31109"/>
                    </a:cubicBezTo>
                    <a:cubicBezTo>
                      <a:pt x="2364" y="29487"/>
                      <a:pt x="2579" y="27126"/>
                      <a:pt x="3632" y="25600"/>
                    </a:cubicBezTo>
                    <a:cubicBezTo>
                      <a:pt x="2138" y="24403"/>
                      <a:pt x="1105" y="23626"/>
                      <a:pt x="280" y="21950"/>
                    </a:cubicBezTo>
                    <a:cubicBezTo>
                      <a:pt x="-153" y="20233"/>
                      <a:pt x="-544" y="16292"/>
                      <a:pt x="2849" y="14201"/>
                    </a:cubicBezTo>
                    <a:cubicBezTo>
                      <a:pt x="2861" y="14155"/>
                      <a:pt x="2849" y="12482"/>
                      <a:pt x="2861" y="12436"/>
                    </a:cubicBezTo>
                    <a:close/>
                  </a:path>
                  <a:path w="45159" h="43219" fill="none" extrusionOk="0">
                    <a:moveTo>
                      <a:pt x="30522" y="36455"/>
                    </a:moveTo>
                    <a:cubicBezTo>
                      <a:pt x="30483" y="37102"/>
                      <a:pt x="30637" y="35897"/>
                      <a:pt x="30499" y="36519"/>
                    </a:cubicBezTo>
                  </a:path>
                </a:pathLst>
              </a:custGeom>
              <a:solidFill>
                <a:srgbClr val="FFFFFF"/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dk1"/>
                  </a:solidFill>
                </a:endParaRPr>
              </a:p>
            </p:txBody>
          </p:sp>
          <p:sp>
            <p:nvSpPr>
              <p:cNvPr id="22" name="円/楕円 65"/>
              <p:cNvSpPr/>
              <p:nvPr/>
            </p:nvSpPr>
            <p:spPr>
              <a:xfrm>
                <a:off x="3556991" y="4528756"/>
                <a:ext cx="118273" cy="110165"/>
              </a:xfrm>
              <a:prstGeom prst="ellipse">
                <a:avLst/>
              </a:prstGeom>
              <a:solidFill>
                <a:srgbClr val="FFFFFF">
                  <a:alpha val="80000"/>
                </a:srgbClr>
              </a:solidFill>
              <a:ln w="38100">
                <a:solidFill>
                  <a:schemeClr val="accent2"/>
                </a:solidFill>
                <a:round/>
              </a:ln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/>
              </a:p>
            </p:txBody>
          </p:sp>
        </p:grpSp>
        <p:sp>
          <p:nvSpPr>
            <p:cNvPr id="23" name="テキスト ボックス 22"/>
            <p:cNvSpPr txBox="1"/>
            <p:nvPr/>
          </p:nvSpPr>
          <p:spPr>
            <a:xfrm rot="8886">
              <a:off x="1594543" y="2383398"/>
              <a:ext cx="2210680" cy="113877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17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だれだろう？</a:t>
              </a:r>
              <a:endParaRPr lang="en-US" altLang="ja-JP" sz="1700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/>
              <a:r>
                <a:rPr lang="ja-JP" altLang="en-US" sz="17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とりあえず</a:t>
              </a:r>
              <a:br>
                <a:rPr lang="en-US" altLang="ja-JP" sz="17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lang="ja-JP" altLang="en-US" sz="17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ファイルを</a:t>
              </a:r>
              <a:br>
                <a:rPr lang="en-US" altLang="ja-JP" sz="17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lang="ja-JP" altLang="en-US" sz="17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ひらいてみるか</a:t>
              </a:r>
            </a:p>
          </p:txBody>
        </p:sp>
      </p:grpSp>
      <p:pic>
        <p:nvPicPr>
          <p:cNvPr id="7" name="図 6">
            <a:extLst>
              <a:ext uri="{FF2B5EF4-FFF2-40B4-BE49-F238E27FC236}">
                <a16:creationId xmlns:a16="http://schemas.microsoft.com/office/drawing/2014/main" id="{35911CC8-0B69-466D-ADF0-56B34A276FCC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908"/>
          <a:stretch/>
        </p:blipFill>
        <p:spPr>
          <a:xfrm>
            <a:off x="-46991" y="2197201"/>
            <a:ext cx="2025963" cy="2438198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37" name="乗算記号 65"/>
          <p:cNvSpPr>
            <a:spLocks noChangeAspect="1"/>
          </p:cNvSpPr>
          <p:nvPr/>
        </p:nvSpPr>
        <p:spPr>
          <a:xfrm rot="20932626">
            <a:off x="875271" y="3251385"/>
            <a:ext cx="1914328" cy="1889604"/>
          </a:xfrm>
          <a:prstGeom prst="mathMultiply">
            <a:avLst>
              <a:gd name="adj1" fmla="val 13871"/>
            </a:avLst>
          </a:prstGeom>
          <a:solidFill>
            <a:schemeClr val="bg1">
              <a:alpha val="80000"/>
            </a:schemeClr>
          </a:solidFill>
          <a:ln w="38100">
            <a:solidFill>
              <a:schemeClr val="tx1">
                <a:alpha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ja-JP" altLang="en-US"/>
          </a:p>
        </p:txBody>
      </p:sp>
      <p:grpSp>
        <p:nvGrpSpPr>
          <p:cNvPr id="5" name="グループ化 4">
            <a:extLst>
              <a:ext uri="{FF2B5EF4-FFF2-40B4-BE49-F238E27FC236}">
                <a16:creationId xmlns:a16="http://schemas.microsoft.com/office/drawing/2014/main" id="{714F82C3-1535-6E2E-5431-49A6CE2EC56C}"/>
              </a:ext>
            </a:extLst>
          </p:cNvPr>
          <p:cNvGrpSpPr/>
          <p:nvPr/>
        </p:nvGrpSpPr>
        <p:grpSpPr>
          <a:xfrm>
            <a:off x="672641" y="429274"/>
            <a:ext cx="7625858" cy="2143125"/>
            <a:chOff x="672641" y="429274"/>
            <a:chExt cx="7625858" cy="2143125"/>
          </a:xfrm>
        </p:grpSpPr>
        <p:grpSp>
          <p:nvGrpSpPr>
            <p:cNvPr id="12" name="グループ化 11">
              <a:extLst>
                <a:ext uri="{FF2B5EF4-FFF2-40B4-BE49-F238E27FC236}">
                  <a16:creationId xmlns:a16="http://schemas.microsoft.com/office/drawing/2014/main" id="{E69B2EAC-8F2B-25FA-9595-EE8F0DFAF648}"/>
                </a:ext>
              </a:extLst>
            </p:cNvPr>
            <p:cNvGrpSpPr/>
            <p:nvPr/>
          </p:nvGrpSpPr>
          <p:grpSpPr>
            <a:xfrm>
              <a:off x="672641" y="429274"/>
              <a:ext cx="7625858" cy="2143125"/>
              <a:chOff x="672641" y="467374"/>
              <a:chExt cx="7625858" cy="2143125"/>
            </a:xfrm>
          </p:grpSpPr>
          <p:pic>
            <p:nvPicPr>
              <p:cNvPr id="14" name="図 13">
                <a:extLst>
                  <a:ext uri="{FF2B5EF4-FFF2-40B4-BE49-F238E27FC236}">
                    <a16:creationId xmlns:a16="http://schemas.microsoft.com/office/drawing/2014/main" id="{35DF648E-61DA-EF64-2456-A68317B5C4DE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146802" y="467374"/>
                <a:ext cx="2151697" cy="2143125"/>
              </a:xfrm>
              <a:prstGeom prst="rect">
                <a:avLst/>
              </a:prstGeom>
            </p:spPr>
          </p:pic>
          <p:grpSp>
            <p:nvGrpSpPr>
              <p:cNvPr id="17" name="グループ化 16">
                <a:extLst>
                  <a:ext uri="{FF2B5EF4-FFF2-40B4-BE49-F238E27FC236}">
                    <a16:creationId xmlns:a16="http://schemas.microsoft.com/office/drawing/2014/main" id="{7214304A-92B7-F3C7-4260-2AF09F6C6721}"/>
                  </a:ext>
                </a:extLst>
              </p:cNvPr>
              <p:cNvGrpSpPr/>
              <p:nvPr/>
            </p:nvGrpSpPr>
            <p:grpSpPr>
              <a:xfrm>
                <a:off x="672641" y="1103650"/>
                <a:ext cx="5661177" cy="1111992"/>
                <a:chOff x="672641" y="1103650"/>
                <a:chExt cx="5661177" cy="1111992"/>
              </a:xfrm>
            </p:grpSpPr>
            <p:sp>
              <p:nvSpPr>
                <p:cNvPr id="18" name="角丸四角形 28">
                  <a:extLst>
                    <a:ext uri="{FF2B5EF4-FFF2-40B4-BE49-F238E27FC236}">
                      <a16:creationId xmlns:a16="http://schemas.microsoft.com/office/drawing/2014/main" id="{0B9646F3-C0F7-E9D1-C25A-B0BEB90F85DF}"/>
                    </a:ext>
                  </a:extLst>
                </p:cNvPr>
                <p:cNvSpPr/>
                <p:nvPr/>
              </p:nvSpPr>
              <p:spPr>
                <a:xfrm>
                  <a:off x="672641" y="1103650"/>
                  <a:ext cx="5661177" cy="1111992"/>
                </a:xfrm>
                <a:custGeom>
                  <a:avLst/>
                  <a:gdLst>
                    <a:gd name="connsiteX0" fmla="*/ 0 w 6516914"/>
                    <a:gd name="connsiteY0" fmla="*/ 555996 h 1111992"/>
                    <a:gd name="connsiteX1" fmla="*/ 555996 w 6516914"/>
                    <a:gd name="connsiteY1" fmla="*/ 0 h 1111992"/>
                    <a:gd name="connsiteX2" fmla="*/ 5960918 w 6516914"/>
                    <a:gd name="connsiteY2" fmla="*/ 0 h 1111992"/>
                    <a:gd name="connsiteX3" fmla="*/ 6516914 w 6516914"/>
                    <a:gd name="connsiteY3" fmla="*/ 555996 h 1111992"/>
                    <a:gd name="connsiteX4" fmla="*/ 6516914 w 6516914"/>
                    <a:gd name="connsiteY4" fmla="*/ 555996 h 1111992"/>
                    <a:gd name="connsiteX5" fmla="*/ 5960918 w 6516914"/>
                    <a:gd name="connsiteY5" fmla="*/ 1111992 h 1111992"/>
                    <a:gd name="connsiteX6" fmla="*/ 555996 w 6516914"/>
                    <a:gd name="connsiteY6" fmla="*/ 1111992 h 1111992"/>
                    <a:gd name="connsiteX7" fmla="*/ 0 w 6516914"/>
                    <a:gd name="connsiteY7" fmla="*/ 555996 h 1111992"/>
                    <a:gd name="connsiteX0" fmla="*/ 0 w 6555491"/>
                    <a:gd name="connsiteY0" fmla="*/ 555996 h 1111992"/>
                    <a:gd name="connsiteX1" fmla="*/ 555996 w 6555491"/>
                    <a:gd name="connsiteY1" fmla="*/ 0 h 1111992"/>
                    <a:gd name="connsiteX2" fmla="*/ 5960918 w 6555491"/>
                    <a:gd name="connsiteY2" fmla="*/ 0 h 1111992"/>
                    <a:gd name="connsiteX3" fmla="*/ 6478814 w 6555491"/>
                    <a:gd name="connsiteY3" fmla="*/ 350218 h 1111992"/>
                    <a:gd name="connsiteX4" fmla="*/ 6516914 w 6555491"/>
                    <a:gd name="connsiteY4" fmla="*/ 555996 h 1111992"/>
                    <a:gd name="connsiteX5" fmla="*/ 6516914 w 6555491"/>
                    <a:gd name="connsiteY5" fmla="*/ 555996 h 1111992"/>
                    <a:gd name="connsiteX6" fmla="*/ 5960918 w 6555491"/>
                    <a:gd name="connsiteY6" fmla="*/ 1111992 h 1111992"/>
                    <a:gd name="connsiteX7" fmla="*/ 555996 w 6555491"/>
                    <a:gd name="connsiteY7" fmla="*/ 1111992 h 1111992"/>
                    <a:gd name="connsiteX8" fmla="*/ 0 w 6555491"/>
                    <a:gd name="connsiteY8" fmla="*/ 555996 h 1111992"/>
                    <a:gd name="connsiteX0" fmla="*/ 0 w 6562480"/>
                    <a:gd name="connsiteY0" fmla="*/ 555996 h 1111992"/>
                    <a:gd name="connsiteX1" fmla="*/ 555996 w 6562480"/>
                    <a:gd name="connsiteY1" fmla="*/ 0 h 1111992"/>
                    <a:gd name="connsiteX2" fmla="*/ 5960918 w 6562480"/>
                    <a:gd name="connsiteY2" fmla="*/ 0 h 1111992"/>
                    <a:gd name="connsiteX3" fmla="*/ 6478814 w 6562480"/>
                    <a:gd name="connsiteY3" fmla="*/ 350218 h 1111992"/>
                    <a:gd name="connsiteX4" fmla="*/ 6516914 w 6562480"/>
                    <a:gd name="connsiteY4" fmla="*/ 555996 h 1111992"/>
                    <a:gd name="connsiteX5" fmla="*/ 6516914 w 6562480"/>
                    <a:gd name="connsiteY5" fmla="*/ 555996 h 1111992"/>
                    <a:gd name="connsiteX6" fmla="*/ 6491514 w 6562480"/>
                    <a:gd name="connsiteY6" fmla="*/ 756618 h 1111992"/>
                    <a:gd name="connsiteX7" fmla="*/ 5960918 w 6562480"/>
                    <a:gd name="connsiteY7" fmla="*/ 1111992 h 1111992"/>
                    <a:gd name="connsiteX8" fmla="*/ 555996 w 6562480"/>
                    <a:gd name="connsiteY8" fmla="*/ 1111992 h 1111992"/>
                    <a:gd name="connsiteX9" fmla="*/ 0 w 6562480"/>
                    <a:gd name="connsiteY9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6516914 w 7063014"/>
                    <a:gd name="connsiteY4" fmla="*/ 555996 h 1111992"/>
                    <a:gd name="connsiteX5" fmla="*/ 7063014 w 7063014"/>
                    <a:gd name="connsiteY5" fmla="*/ 555996 h 1111992"/>
                    <a:gd name="connsiteX6" fmla="*/ 6491514 w 7063014"/>
                    <a:gd name="connsiteY6" fmla="*/ 756618 h 1111992"/>
                    <a:gd name="connsiteX7" fmla="*/ 5960918 w 7063014"/>
                    <a:gd name="connsiteY7" fmla="*/ 1111992 h 1111992"/>
                    <a:gd name="connsiteX8" fmla="*/ 555996 w 7063014"/>
                    <a:gd name="connsiteY8" fmla="*/ 1111992 h 1111992"/>
                    <a:gd name="connsiteX9" fmla="*/ 0 w 7063014"/>
                    <a:gd name="connsiteY9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7566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  <a:cxn ang="0">
                      <a:pos x="connsiteX7" y="connsiteY7"/>
                    </a:cxn>
                    <a:cxn ang="0">
                      <a:pos x="connsiteX8" y="connsiteY8"/>
                    </a:cxn>
                  </a:cxnLst>
                  <a:rect l="l" t="t" r="r" b="b"/>
                  <a:pathLst>
                    <a:path w="7063014" h="1111992">
                      <a:moveTo>
                        <a:pt x="0" y="555996"/>
                      </a:moveTo>
                      <a:cubicBezTo>
                        <a:pt x="0" y="248928"/>
                        <a:pt x="248928" y="0"/>
                        <a:pt x="555996" y="0"/>
                      </a:cubicBezTo>
                      <a:lnTo>
                        <a:pt x="5960918" y="0"/>
                      </a:lnTo>
                      <a:cubicBezTo>
                        <a:pt x="6509904" y="58370"/>
                        <a:pt x="6434832" y="314702"/>
                        <a:pt x="6491514" y="407368"/>
                      </a:cubicBezTo>
                      <a:cubicBezTo>
                        <a:pt x="6675196" y="500034"/>
                        <a:pt x="6825947" y="558113"/>
                        <a:pt x="7063014" y="555996"/>
                      </a:cubicBezTo>
                      <a:cubicBezTo>
                        <a:pt x="6855581" y="725329"/>
                        <a:pt x="6622280" y="714752"/>
                        <a:pt x="6491514" y="693118"/>
                      </a:cubicBezTo>
                      <a:cubicBezTo>
                        <a:pt x="6544898" y="849284"/>
                        <a:pt x="6385021" y="1078163"/>
                        <a:pt x="5960918" y="1111992"/>
                      </a:cubicBezTo>
                      <a:lnTo>
                        <a:pt x="555996" y="1111992"/>
                      </a:lnTo>
                      <a:cubicBezTo>
                        <a:pt x="248928" y="1111992"/>
                        <a:pt x="0" y="863064"/>
                        <a:pt x="0" y="555996"/>
                      </a:cubicBezTo>
                      <a:close/>
                    </a:path>
                  </a:pathLst>
                </a:custGeom>
                <a:ln w="38100"/>
              </p:spPr>
              <p:style>
                <a:lnRef idx="2">
                  <a:schemeClr val="accent6"/>
                </a:lnRef>
                <a:fillRef idx="1">
                  <a:schemeClr val="lt1"/>
                </a:fillRef>
                <a:effectRef idx="0">
                  <a:schemeClr val="accent6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kumimoji="1" lang="ja-JP" altLang="en-US">
                    <a:solidFill>
                      <a:schemeClr val="accent6"/>
                    </a:solidFill>
                  </a:endParaRPr>
                </a:p>
              </p:txBody>
            </p:sp>
            <p:sp>
              <p:nvSpPr>
                <p:cNvPr id="24" name="テキスト ボックス 23">
                  <a:extLst>
                    <a:ext uri="{FF2B5EF4-FFF2-40B4-BE49-F238E27FC236}">
                      <a16:creationId xmlns:a16="http://schemas.microsoft.com/office/drawing/2014/main" id="{36D4E0CE-794C-82DC-5148-20F4FB735189}"/>
                    </a:ext>
                  </a:extLst>
                </p:cNvPr>
                <p:cNvSpPr txBox="1"/>
                <p:nvPr/>
              </p:nvSpPr>
              <p:spPr>
                <a:xfrm>
                  <a:off x="672641" y="1224321"/>
                  <a:ext cx="5213809" cy="98488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>
                    <a:spcAft>
                      <a:spcPts val="1200"/>
                    </a:spcAft>
                  </a:pPr>
                  <a:r>
                    <a:rPr kumimoji="1"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なにがいけなかったのか</a:t>
                  </a:r>
                  <a:endParaRPr kumimoji="1" lang="en-US" altLang="ja-JP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  <a:p>
                  <a:pPr algn="ctr">
                    <a:spcAft>
                      <a:spcPts val="1200"/>
                    </a:spcAft>
                  </a:pPr>
                  <a:r>
                    <a:rPr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いっしょに考えてみよう！</a:t>
                  </a:r>
                  <a:endParaRPr kumimoji="1" lang="ja-JP" altLang="en-US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</p:txBody>
            </p:sp>
          </p:grpSp>
        </p:grpSp>
        <p:sp>
          <p:nvSpPr>
            <p:cNvPr id="13" name="テキスト ボックス 12">
              <a:extLst>
                <a:ext uri="{FF2B5EF4-FFF2-40B4-BE49-F238E27FC236}">
                  <a16:creationId xmlns:a16="http://schemas.microsoft.com/office/drawing/2014/main" id="{1C3AC8BC-D069-E640-3146-0ADAF2ABD07E}"/>
                </a:ext>
              </a:extLst>
            </p:cNvPr>
            <p:cNvSpPr txBox="1"/>
            <p:nvPr/>
          </p:nvSpPr>
          <p:spPr>
            <a:xfrm>
              <a:off x="2841934" y="1525250"/>
              <a:ext cx="59182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62983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</p:grpSp>
      <p:grpSp>
        <p:nvGrpSpPr>
          <p:cNvPr id="4" name="グループ化 3">
            <a:extLst>
              <a:ext uri="{FF2B5EF4-FFF2-40B4-BE49-F238E27FC236}">
                <a16:creationId xmlns:a16="http://schemas.microsoft.com/office/drawing/2014/main" id="{51E8BD86-EE22-F2D8-DE25-A86DD219CB38}"/>
              </a:ext>
            </a:extLst>
          </p:cNvPr>
          <p:cNvGrpSpPr/>
          <p:nvPr/>
        </p:nvGrpSpPr>
        <p:grpSpPr>
          <a:xfrm>
            <a:off x="3220461" y="2371217"/>
            <a:ext cx="4311909" cy="1957952"/>
            <a:chOff x="3220461" y="2348067"/>
            <a:chExt cx="4311909" cy="1957952"/>
          </a:xfrm>
        </p:grpSpPr>
        <p:sp>
          <p:nvSpPr>
            <p:cNvPr id="8" name="テキスト ボックス 7">
              <a:extLst>
                <a:ext uri="{FF2B5EF4-FFF2-40B4-BE49-F238E27FC236}">
                  <a16:creationId xmlns:a16="http://schemas.microsoft.com/office/drawing/2014/main" id="{7C216189-A29E-BEB7-689F-349346E36D5E}"/>
                </a:ext>
              </a:extLst>
            </p:cNvPr>
            <p:cNvSpPr txBox="1"/>
            <p:nvPr/>
          </p:nvSpPr>
          <p:spPr>
            <a:xfrm>
              <a:off x="3998039" y="2348067"/>
              <a:ext cx="659684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てん　ぷ</a:t>
              </a:r>
            </a:p>
          </p:txBody>
        </p:sp>
        <p:sp>
          <p:nvSpPr>
            <p:cNvPr id="11" name="テキスト ボックス 10">
              <a:extLst>
                <a:ext uri="{FF2B5EF4-FFF2-40B4-BE49-F238E27FC236}">
                  <a16:creationId xmlns:a16="http://schemas.microsoft.com/office/drawing/2014/main" id="{16095660-4A68-20AA-0A17-190ABBD5ADB9}"/>
                </a:ext>
              </a:extLst>
            </p:cNvPr>
            <p:cNvSpPr txBox="1"/>
            <p:nvPr/>
          </p:nvSpPr>
          <p:spPr>
            <a:xfrm>
              <a:off x="4168200" y="2809504"/>
              <a:ext cx="72288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せん</a:t>
              </a:r>
            </a:p>
          </p:txBody>
        </p:sp>
        <p:sp>
          <p:nvSpPr>
            <p:cNvPr id="25" name="テキスト ボックス 24">
              <a:extLst>
                <a:ext uri="{FF2B5EF4-FFF2-40B4-BE49-F238E27FC236}">
                  <a16:creationId xmlns:a16="http://schemas.microsoft.com/office/drawing/2014/main" id="{5D9BF991-B4DB-08D1-6878-6396C09EF141}"/>
                </a:ext>
              </a:extLst>
            </p:cNvPr>
            <p:cNvSpPr txBox="1"/>
            <p:nvPr/>
          </p:nvSpPr>
          <p:spPr>
            <a:xfrm>
              <a:off x="5010112" y="3262214"/>
              <a:ext cx="72288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せん</a:t>
              </a:r>
            </a:p>
          </p:txBody>
        </p:sp>
        <p:sp>
          <p:nvSpPr>
            <p:cNvPr id="26" name="テキスト ボックス 25">
              <a:extLst>
                <a:ext uri="{FF2B5EF4-FFF2-40B4-BE49-F238E27FC236}">
                  <a16:creationId xmlns:a16="http://schemas.microsoft.com/office/drawing/2014/main" id="{049621C4-D550-00A6-813C-AB16A78FBAFD}"/>
                </a:ext>
              </a:extLst>
            </p:cNvPr>
            <p:cNvSpPr txBox="1"/>
            <p:nvPr/>
          </p:nvSpPr>
          <p:spPr>
            <a:xfrm>
              <a:off x="3220461" y="4029020"/>
              <a:ext cx="72288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こうしき</a:t>
              </a:r>
            </a:p>
          </p:txBody>
        </p:sp>
        <p:sp>
          <p:nvSpPr>
            <p:cNvPr id="27" name="テキスト ボックス 26">
              <a:extLst>
                <a:ext uri="{FF2B5EF4-FFF2-40B4-BE49-F238E27FC236}">
                  <a16:creationId xmlns:a16="http://schemas.microsoft.com/office/drawing/2014/main" id="{50137B9A-7478-1DDB-22B3-815B6F70A213}"/>
                </a:ext>
              </a:extLst>
            </p:cNvPr>
            <p:cNvSpPr txBox="1"/>
            <p:nvPr/>
          </p:nvSpPr>
          <p:spPr>
            <a:xfrm>
              <a:off x="6809481" y="4029020"/>
              <a:ext cx="72288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ちゅうい</a:t>
              </a:r>
            </a:p>
          </p:txBody>
        </p:sp>
      </p:grpSp>
      <p:grpSp>
        <p:nvGrpSpPr>
          <p:cNvPr id="31" name="グループ化 30">
            <a:extLst>
              <a:ext uri="{FF2B5EF4-FFF2-40B4-BE49-F238E27FC236}">
                <a16:creationId xmlns:a16="http://schemas.microsoft.com/office/drawing/2014/main" id="{96623D5E-9D80-F023-FF2D-1EECBE0620BC}"/>
              </a:ext>
            </a:extLst>
          </p:cNvPr>
          <p:cNvGrpSpPr/>
          <p:nvPr/>
        </p:nvGrpSpPr>
        <p:grpSpPr>
          <a:xfrm>
            <a:off x="3239513" y="4732831"/>
            <a:ext cx="2634745" cy="726605"/>
            <a:chOff x="3239513" y="4732831"/>
            <a:chExt cx="2634745" cy="726605"/>
          </a:xfrm>
        </p:grpSpPr>
        <p:sp>
          <p:nvSpPr>
            <p:cNvPr id="28" name="テキスト ボックス 27">
              <a:extLst>
                <a:ext uri="{FF2B5EF4-FFF2-40B4-BE49-F238E27FC236}">
                  <a16:creationId xmlns:a16="http://schemas.microsoft.com/office/drawing/2014/main" id="{7D06C995-9690-4987-62E0-456B942481DA}"/>
                </a:ext>
              </a:extLst>
            </p:cNvPr>
            <p:cNvSpPr txBox="1"/>
            <p:nvPr/>
          </p:nvSpPr>
          <p:spPr>
            <a:xfrm>
              <a:off x="3239513" y="4732831"/>
              <a:ext cx="626921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　ぞく</a:t>
              </a:r>
            </a:p>
          </p:txBody>
        </p:sp>
        <p:sp>
          <p:nvSpPr>
            <p:cNvPr id="29" name="テキスト ボックス 28">
              <a:extLst>
                <a:ext uri="{FF2B5EF4-FFF2-40B4-BE49-F238E27FC236}">
                  <a16:creationId xmlns:a16="http://schemas.microsoft.com/office/drawing/2014/main" id="{ECEBBF30-8C56-C5FB-4184-E6A92A194B79}"/>
                </a:ext>
              </a:extLst>
            </p:cNvPr>
            <p:cNvSpPr txBox="1"/>
            <p:nvPr/>
          </p:nvSpPr>
          <p:spPr>
            <a:xfrm>
              <a:off x="3909358" y="4732831"/>
              <a:ext cx="635110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ともだち</a:t>
              </a:r>
            </a:p>
          </p:txBody>
        </p:sp>
        <p:sp>
          <p:nvSpPr>
            <p:cNvPr id="30" name="テキスト ボックス 29">
              <a:extLst>
                <a:ext uri="{FF2B5EF4-FFF2-40B4-BE49-F238E27FC236}">
                  <a16:creationId xmlns:a16="http://schemas.microsoft.com/office/drawing/2014/main" id="{990FF314-7D02-D1A9-5295-D3A87648DDC3}"/>
                </a:ext>
              </a:extLst>
            </p:cNvPr>
            <p:cNvSpPr txBox="1"/>
            <p:nvPr/>
          </p:nvSpPr>
          <p:spPr>
            <a:xfrm>
              <a:off x="4618947" y="4732831"/>
              <a:ext cx="635110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こ　じん</a:t>
              </a:r>
            </a:p>
          </p:txBody>
        </p:sp>
        <p:sp>
          <p:nvSpPr>
            <p:cNvPr id="32" name="テキスト ボックス 31">
              <a:extLst>
                <a:ext uri="{FF2B5EF4-FFF2-40B4-BE49-F238E27FC236}">
                  <a16:creationId xmlns:a16="http://schemas.microsoft.com/office/drawing/2014/main" id="{4B8A5ED3-B304-39B8-0C98-B8DDF4A84C21}"/>
                </a:ext>
              </a:extLst>
            </p:cNvPr>
            <p:cNvSpPr txBox="1"/>
            <p:nvPr/>
          </p:nvSpPr>
          <p:spPr>
            <a:xfrm>
              <a:off x="5093914" y="4732831"/>
              <a:ext cx="780344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ょうほう</a:t>
              </a:r>
            </a:p>
          </p:txBody>
        </p:sp>
        <p:sp>
          <p:nvSpPr>
            <p:cNvPr id="33" name="テキスト ボックス 32">
              <a:extLst>
                <a:ext uri="{FF2B5EF4-FFF2-40B4-BE49-F238E27FC236}">
                  <a16:creationId xmlns:a16="http://schemas.microsoft.com/office/drawing/2014/main" id="{0EF30708-EBEE-300F-47C0-1E90D26ED16A}"/>
                </a:ext>
              </a:extLst>
            </p:cNvPr>
            <p:cNvSpPr txBox="1"/>
            <p:nvPr/>
          </p:nvSpPr>
          <p:spPr>
            <a:xfrm>
              <a:off x="4308577" y="5182437"/>
              <a:ext cx="70153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たいさく</a:t>
              </a:r>
            </a:p>
          </p:txBody>
        </p:sp>
      </p:grpSp>
      <p:sp>
        <p:nvSpPr>
          <p:cNvPr id="34" name="テキスト ボックス 33">
            <a:extLst>
              <a:ext uri="{FF2B5EF4-FFF2-40B4-BE49-F238E27FC236}">
                <a16:creationId xmlns:a16="http://schemas.microsoft.com/office/drawing/2014/main" id="{A45A868C-9818-1241-AD40-2D311924914C}"/>
              </a:ext>
            </a:extLst>
          </p:cNvPr>
          <p:cNvSpPr txBox="1"/>
          <p:nvPr/>
        </p:nvSpPr>
        <p:spPr>
          <a:xfrm>
            <a:off x="2047918" y="39662"/>
            <a:ext cx="90864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せん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049106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5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2500"/>
                            </p:stCondLst>
                            <p:childTnLst>
                              <p:par>
                                <p:cTn id="23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11.</a:t>
            </a:r>
            <a:r>
              <a:rPr lang="ja-JP" altLang="en-US" dirty="0"/>
              <a:t> ウイルスに感染してしまったら？</a:t>
            </a:r>
          </a:p>
        </p:txBody>
      </p:sp>
      <p:sp>
        <p:nvSpPr>
          <p:cNvPr id="11" name="角丸四角形 10"/>
          <p:cNvSpPr/>
          <p:nvPr/>
        </p:nvSpPr>
        <p:spPr>
          <a:xfrm>
            <a:off x="1444624" y="859483"/>
            <a:ext cx="7566026" cy="2664952"/>
          </a:xfrm>
          <a:prstGeom prst="roundRect">
            <a:avLst/>
          </a:prstGeom>
          <a:solidFill>
            <a:schemeClr val="bg1"/>
          </a:solidFill>
          <a:ln w="57150" cap="rnd" cmpd="thickThin">
            <a:noFill/>
            <a:prstDash val="dashDot"/>
            <a:round/>
          </a:ln>
          <a:effectLst>
            <a:softEdge rad="31750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15" name="図 1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6062" y="1128433"/>
            <a:ext cx="1996568" cy="1947270"/>
          </a:xfrm>
          <a:prstGeom prst="rect">
            <a:avLst/>
          </a:prstGeom>
        </p:spPr>
      </p:pic>
      <p:sp>
        <p:nvSpPr>
          <p:cNvPr id="16" name="テキスト ボックス 15"/>
          <p:cNvSpPr txBox="1"/>
          <p:nvPr/>
        </p:nvSpPr>
        <p:spPr>
          <a:xfrm>
            <a:off x="2172630" y="1645898"/>
            <a:ext cx="6795308" cy="9848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ウイルスに感染したかもしれないとおもった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ら、すぐに信頼できる大人に相談しましょう。</a:t>
            </a:r>
          </a:p>
        </p:txBody>
      </p:sp>
      <p:grpSp>
        <p:nvGrpSpPr>
          <p:cNvPr id="4" name="グループ化 3"/>
          <p:cNvGrpSpPr/>
          <p:nvPr/>
        </p:nvGrpSpPr>
        <p:grpSpPr>
          <a:xfrm rot="21120000">
            <a:off x="-228813" y="3256610"/>
            <a:ext cx="5184862" cy="2240620"/>
            <a:chOff x="178326" y="4550661"/>
            <a:chExt cx="4572000" cy="2240620"/>
          </a:xfrm>
        </p:grpSpPr>
        <p:sp>
          <p:nvSpPr>
            <p:cNvPr id="18" name="雲 31"/>
            <p:cNvSpPr/>
            <p:nvPr/>
          </p:nvSpPr>
          <p:spPr>
            <a:xfrm rot="197991">
              <a:off x="684336" y="4550661"/>
              <a:ext cx="3424674" cy="2240620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ln/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19" name="正方形/長方形 18"/>
            <p:cNvSpPr/>
            <p:nvPr/>
          </p:nvSpPr>
          <p:spPr>
            <a:xfrm rot="21386266">
              <a:off x="178326" y="5086831"/>
              <a:ext cx="4572000" cy="1231106"/>
            </a:xfrm>
            <a:prstGeom prst="rect">
              <a:avLst/>
            </a:prstGeom>
          </p:spPr>
          <p:txBody>
            <a:bodyPr>
              <a:spAutoFit/>
            </a:bodyPr>
            <a:lstStyle/>
            <a:p>
              <a:pPr lvl="0" algn="ctr">
                <a:spcAft>
                  <a:spcPts val="1200"/>
                </a:spcAft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ウイルス対応は</a:t>
              </a:r>
              <a:endParaRPr kumimoji="0" lang="en-US" altLang="ja-JP" sz="3200" kern="0" dirty="0">
                <a:solidFill>
                  <a:prstClr val="white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Meiryo UI" panose="020B0604030504040204" pitchFamily="50" charset="-128"/>
              </a:endParaRPr>
            </a:p>
            <a:p>
              <a:pPr lvl="0" algn="ctr">
                <a:spcAft>
                  <a:spcPts val="1200"/>
                </a:spcAft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スピードが命！</a:t>
              </a:r>
            </a:p>
          </p:txBody>
        </p:sp>
      </p:grpSp>
      <p:pic>
        <p:nvPicPr>
          <p:cNvPr id="6" name="図 5">
            <a:extLst>
              <a:ext uri="{FF2B5EF4-FFF2-40B4-BE49-F238E27FC236}">
                <a16:creationId xmlns:a16="http://schemas.microsoft.com/office/drawing/2014/main" id="{E9CCAF1E-F754-4BBB-A4AF-BFE50EE29D94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7983"/>
          <a:stretch/>
        </p:blipFill>
        <p:spPr>
          <a:xfrm>
            <a:off x="2939311" y="2907196"/>
            <a:ext cx="5485946" cy="3950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25001E9C-C8C0-E630-04AF-E87D4E182D58}"/>
              </a:ext>
            </a:extLst>
          </p:cNvPr>
          <p:cNvSpPr txBox="1"/>
          <p:nvPr/>
        </p:nvSpPr>
        <p:spPr>
          <a:xfrm>
            <a:off x="3715965" y="1454386"/>
            <a:ext cx="7720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せん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6D8CCBF6-A8D2-6A8D-456A-3BF8A497EA54}"/>
              </a:ext>
            </a:extLst>
          </p:cNvPr>
          <p:cNvSpPr txBox="1"/>
          <p:nvPr/>
        </p:nvSpPr>
        <p:spPr>
          <a:xfrm>
            <a:off x="3711584" y="1969063"/>
            <a:ext cx="7720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んらい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61EAD0FA-2770-3880-95EE-3D0848B00CF6}"/>
              </a:ext>
            </a:extLst>
          </p:cNvPr>
          <p:cNvSpPr txBox="1"/>
          <p:nvPr/>
        </p:nvSpPr>
        <p:spPr>
          <a:xfrm>
            <a:off x="6178559" y="1969063"/>
            <a:ext cx="7720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そうだん</a:t>
            </a:r>
          </a:p>
        </p:txBody>
      </p:sp>
      <p:grpSp>
        <p:nvGrpSpPr>
          <p:cNvPr id="12" name="グループ化 11">
            <a:extLst>
              <a:ext uri="{FF2B5EF4-FFF2-40B4-BE49-F238E27FC236}">
                <a16:creationId xmlns:a16="http://schemas.microsoft.com/office/drawing/2014/main" id="{A12A55EC-514E-27D5-DE56-9D66F6F150CB}"/>
              </a:ext>
            </a:extLst>
          </p:cNvPr>
          <p:cNvGrpSpPr/>
          <p:nvPr/>
        </p:nvGrpSpPr>
        <p:grpSpPr>
          <a:xfrm>
            <a:off x="2366683" y="3502566"/>
            <a:ext cx="1054678" cy="846440"/>
            <a:chOff x="2366683" y="3502566"/>
            <a:chExt cx="1054678" cy="846440"/>
          </a:xfrm>
        </p:grpSpPr>
        <p:sp>
          <p:nvSpPr>
            <p:cNvPr id="8" name="テキスト ボックス 7">
              <a:extLst>
                <a:ext uri="{FF2B5EF4-FFF2-40B4-BE49-F238E27FC236}">
                  <a16:creationId xmlns:a16="http://schemas.microsoft.com/office/drawing/2014/main" id="{E6477D61-F4E4-405E-5E2A-B67FCB21C8B1}"/>
                </a:ext>
              </a:extLst>
            </p:cNvPr>
            <p:cNvSpPr txBox="1"/>
            <p:nvPr/>
          </p:nvSpPr>
          <p:spPr>
            <a:xfrm rot="20940000">
              <a:off x="2366683" y="3502566"/>
              <a:ext cx="93408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たい　おう</a:t>
              </a:r>
            </a:p>
          </p:txBody>
        </p:sp>
        <p:sp>
          <p:nvSpPr>
            <p:cNvPr id="9" name="テキスト ボックス 8">
              <a:extLst>
                <a:ext uri="{FF2B5EF4-FFF2-40B4-BE49-F238E27FC236}">
                  <a16:creationId xmlns:a16="http://schemas.microsoft.com/office/drawing/2014/main" id="{3B5F809B-C73F-8356-AA7B-39E2924291EE}"/>
                </a:ext>
              </a:extLst>
            </p:cNvPr>
            <p:cNvSpPr txBox="1"/>
            <p:nvPr/>
          </p:nvSpPr>
          <p:spPr>
            <a:xfrm rot="20940000">
              <a:off x="2836418" y="4072007"/>
              <a:ext cx="58494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いのち</a:t>
              </a:r>
            </a:p>
          </p:txBody>
        </p:sp>
      </p:grpSp>
      <p:sp>
        <p:nvSpPr>
          <p:cNvPr id="13" name="テキスト ボックス 12">
            <a:extLst>
              <a:ext uri="{FF2B5EF4-FFF2-40B4-BE49-F238E27FC236}">
                <a16:creationId xmlns:a16="http://schemas.microsoft.com/office/drawing/2014/main" id="{3D7BE9BB-DD4A-53AC-7FFC-CA19F5B8380B}"/>
              </a:ext>
            </a:extLst>
          </p:cNvPr>
          <p:cNvSpPr txBox="1"/>
          <p:nvPr/>
        </p:nvSpPr>
        <p:spPr>
          <a:xfrm>
            <a:off x="2047918" y="39662"/>
            <a:ext cx="90864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せん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86816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10"/>
  <p:tag name="ISPRING_PROJECT_FOLDER_UPDATED" val="1"/>
  <p:tag name="ISPRING_ULTRA_SCORM_COURSE_ID" val="0B614A66-4F9C-4121-B07A-BA9DFF81A28D"/>
  <p:tag name="ISPRING_SCORM_RATE_SLIDES" val="1"/>
  <p:tag name="ISPRING_PLAYERS_CUSTOMIZATION" val="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"/>
  <p:tag name="ISPRING_FIRST_PUBLISH" val="1"/>
  <p:tag name="ISPRING_ULTRA_SCORM_LESSON_TITLE" val="情報モラル教育 小学生向け"/>
  <p:tag name="ARTICULATE_SLIDE_COUNT" val="67"/>
  <p:tag name="MMPROD_UIDATA" val="&lt;database version=&quot;11.0&quot;&gt;&lt;object type=&quot;1&quot; unique_id=&quot;10001&quot;&gt;&lt;object type=&quot;2&quot; unique_id=&quot;215453&quot;&gt;&lt;object type=&quot;3&quot; unique_id=&quot;215982&quot;&gt;&lt;property id=&quot;20148&quot; value=&quot;5&quot;/&gt;&lt;property id=&quot;20300&quot; value=&quot;スライド 45 - &amp;quot;8. ネットゲームのやり過ぎはダメ！（有料アイテム）&amp;quot;&quot;/&gt;&lt;property id=&quot;20307&quot; value=&quot;272&quot;/&gt;&lt;/object&gt;&lt;object type=&quot;3&quot; unique_id=&quot;216200&quot;&gt;&lt;property id=&quot;20148&quot; value=&quot;5&quot;/&gt;&lt;property id=&quot;20300&quot; value=&quot;スライド 41 - &amp;quot;8. ネットゲームのやり過ぎはダメ！（有料アイテム）&amp;quot;&quot;/&gt;&lt;property id=&quot;20307&quot; value=&quot;274&quot;/&gt;&lt;/object&gt;&lt;object type=&quot;3&quot; unique_id=&quot;216202&quot;&gt;&lt;property id=&quot;20148&quot; value=&quot;5&quot;/&gt;&lt;property id=&quot;20300&quot; value=&quot;スライド 44 - &amp;quot;8. ネットゲームのやり過ぎはダメ！（有料アイテム）&amp;quot;&quot;/&gt;&lt;property id=&quot;20307&quot; value=&quot;276&quot;/&gt;&lt;/object&gt;&lt;object type=&quot;3&quot; unique_id=&quot;216203&quot;&gt;&lt;property id=&quot;20148&quot; value=&quot;5&quot;/&gt;&lt;property id=&quot;20300&quot; value=&quot;スライド 46 - &amp;quot;8. ネットゲームのやり過ぎはダメ！（有料アイテム）&amp;quot;&quot;/&gt;&lt;property id=&quot;20307&quot; value=&quot;277&quot;/&gt;&lt;/object&gt;&lt;object type=&quot;3&quot; unique_id=&quot;216233&quot;&gt;&lt;property id=&quot;20148&quot; value=&quot;5&quot;/&gt;&lt;property id=&quot;20300&quot; value=&quot;スライド 42 - &amp;quot;8. ネットゲームのやり過ぎはダメ！（有料アイテム）&amp;quot;&quot;/&gt;&lt;property id=&quot;20307&quot; value=&quot;279&quot;/&gt;&lt;/object&gt;&lt;object type=&quot;3&quot; unique_id=&quot;216234&quot;&gt;&lt;property id=&quot;20148&quot; value=&quot;5&quot;/&gt;&lt;property id=&quot;20300&quot; value=&quot;スライド 43 - &amp;quot;8. ネットゲームのやり過ぎはダメ！（有料アイテム）&amp;quot;&quot;/&gt;&lt;property id=&quot;20307&quot; value=&quot;278&quot;/&gt;&lt;/object&gt;&lt;object type=&quot;3&quot; unique_id=&quot;217394&quot;&gt;&lt;property id=&quot;20148&quot; value=&quot;5&quot;/&gt;&lt;property id=&quot;20300&quot; value=&quot;スライド 35 - &amp;quot;7. インターネットを使うときのルール&amp;quot;&quot;/&gt;&lt;property id=&quot;20307&quot; value=&quot;280&quot;/&gt;&lt;/object&gt;&lt;object type=&quot;3&quot; unique_id=&quot;217395&quot;&gt;&lt;property id=&quot;20148&quot; value=&quot;5&quot;/&gt;&lt;property id=&quot;20300&quot; value=&quot;スライド 36 - &amp;quot;7. インターネットを使うときのルール&amp;quot;&quot;/&gt;&lt;property id=&quot;20307&quot; value=&quot;281&quot;/&gt;&lt;/object&gt;&lt;object type=&quot;3&quot; unique_id=&quot;217396&quot;&gt;&lt;property id=&quot;20148&quot; value=&quot;5&quot;/&gt;&lt;property id=&quot;20300&quot; value=&quot;スライド 37 - &amp;quot;7. インターネットを使うときのルール&amp;quot;&quot;/&gt;&lt;property id=&quot;20307&quot; value=&quot;282&quot;/&gt;&lt;/object&gt;&lt;object type=&quot;3&quot; unique_id=&quot;217452&quot;&gt;&lt;property id=&quot;20148&quot; value=&quot;5&quot;/&gt;&lt;property id=&quot;20300&quot; value=&quot;スライド 38 - &amp;quot;7. インターネットを使うときのルール&amp;quot;&quot;/&gt;&lt;property id=&quot;20307&quot; value=&quot;283&quot;/&gt;&lt;/object&gt;&lt;object type=&quot;3&quot; unique_id=&quot;217453&quot;&gt;&lt;property id=&quot;20148&quot; value=&quot;5&quot;/&gt;&lt;property id=&quot;20300&quot; value=&quot;スライド 39 - &amp;quot;7. インターネットを使うときのルール&amp;quot;&quot;/&gt;&lt;property id=&quot;20307&quot; value=&quot;284&quot;/&gt;&lt;/object&gt;&lt;object type=&quot;3&quot; unique_id=&quot;217506&quot;&gt;&lt;property id=&quot;20148&quot; value=&quot;5&quot;/&gt;&lt;property id=&quot;20300&quot; value=&quot;スライド 29 - &amp;quot;6. 悪口を書かない&amp;quot;&quot;/&gt;&lt;property id=&quot;20307&quot; value=&quot;285&quot;/&gt;&lt;/object&gt;&lt;object type=&quot;3&quot; unique_id=&quot;217507&quot;&gt;&lt;property id=&quot;20148&quot; value=&quot;5&quot;/&gt;&lt;property id=&quot;20300&quot; value=&quot;スライド 30 - &amp;quot;6. 悪口を書かない&amp;quot;&quot;/&gt;&lt;property id=&quot;20307&quot; value=&quot;286&quot;/&gt;&lt;/object&gt;&lt;object type=&quot;3&quot; unique_id=&quot;217667&quot;&gt;&lt;property id=&quot;20148&quot; value=&quot;5&quot;/&gt;&lt;property id=&quot;20300&quot; value=&quot;スライド 31 - &amp;quot;6. 悪口を書かない&amp;quot;&quot;/&gt;&lt;property id=&quot;20307&quot; value=&quot;288&quot;/&gt;&lt;/object&gt;&lt;object type=&quot;3&quot; unique_id=&quot;217668&quot;&gt;&lt;property id=&quot;20148&quot; value=&quot;5&quot;/&gt;&lt;property id=&quot;20300&quot; value=&quot;スライド 32 - &amp;quot;6. 悪口を書かない&amp;quot;&quot;/&gt;&lt;property id=&quot;20307&quot; value=&quot;289&quot;/&gt;&lt;/object&gt;&lt;object type=&quot;3&quot; unique_id=&quot;217669&quot;&gt;&lt;property id=&quot;20148&quot; value=&quot;5&quot;/&gt;&lt;property id=&quot;20300&quot; value=&quot;スライド 33 - &amp;quot;6. 悪口を書かない&amp;quot;&quot;/&gt;&lt;property id=&quot;20307&quot; value=&quot;290&quot;/&gt;&lt;/object&gt;&lt;object type=&quot;3&quot; unique_id=&quot;217671&quot;&gt;&lt;property id=&quot;20148&quot; value=&quot;5&quot;/&gt;&lt;property id=&quot;20300&quot; value=&quot;スライド 24 - &amp;quot;5. パスワード管理&amp;quot;&quot;/&gt;&lt;property id=&quot;20307&quot; value=&quot;291&quot;/&gt;&lt;/object&gt;&lt;object type=&quot;3&quot; unique_id=&quot;224503&quot;&gt;&lt;property id=&quot;20148&quot; value=&quot;5&quot;/&gt;&lt;property id=&quot;20300&quot; value=&quot;スライド 25 - &amp;quot;5. パスワード管理&amp;quot;&quot;/&gt;&lt;property id=&quot;20307&quot; value=&quot;292&quot;/&gt;&lt;/object&gt;&lt;object type=&quot;3&quot; unique_id=&quot;224731&quot;&gt;&lt;property id=&quot;20148&quot; value=&quot;5&quot;/&gt;&lt;property id=&quot;20300&quot; value=&quot;スライド 26 - &amp;quot;5. パスワード管理&amp;quot;&quot;/&gt;&lt;property id=&quot;20307&quot; value=&quot;294&quot;/&gt;&lt;/object&gt;&lt;object type=&quot;3&quot; unique_id=&quot;224732&quot;&gt;&lt;property id=&quot;20148&quot; value=&quot;5&quot;/&gt;&lt;property id=&quot;20300&quot; value=&quot;スライド 27 - &amp;quot;5. パスワード管理&amp;quot;&quot;/&gt;&lt;property id=&quot;20307&quot; value=&quot;295&quot;/&gt;&lt;/object&gt;&lt;object type=&quot;3&quot; unique_id=&quot;225310&quot;&gt;&lt;property id=&quot;20148&quot; value=&quot;5&quot;/&gt;&lt;property id=&quot;20300&quot; value=&quot;スライド 3 - &amp;quot;1. インターネットの情報は正しいの？&amp;quot;&quot;/&gt;&lt;property id=&quot;20307&quot; value=&quot;296&quot;/&gt;&lt;/object&gt;&lt;object type=&quot;3&quot; unique_id=&quot;225311&quot;&gt;&lt;property id=&quot;20148&quot; value=&quot;5&quot;/&gt;&lt;property id=&quot;20300&quot; value=&quot;スライド 4 - &amp;quot;1. インターネットの情報は正しいの？&amp;quot;&quot;/&gt;&lt;property id=&quot;20307&quot; value=&quot;297&quot;/&gt;&lt;/object&gt;&lt;object type=&quot;3&quot; unique_id=&quot;225312&quot;&gt;&lt;property id=&quot;20148&quot; value=&quot;5&quot;/&gt;&lt;property id=&quot;20300&quot; value=&quot;スライド 5 - &amp;quot;1. インターネットの情報は正しいの？&amp;quot;&quot;/&gt;&lt;property id=&quot;20307&quot; value=&quot;298&quot;/&gt;&lt;/object&gt;&lt;object type=&quot;3&quot; unique_id=&quot;225313&quot;&gt;&lt;property id=&quot;20148&quot; value=&quot;5&quot;/&gt;&lt;property id=&quot;20300&quot; value=&quot;スライド 6 - &amp;quot;1. インターネットの情報は正しいの？&amp;quot;&quot;/&gt;&lt;property id=&quot;20307&quot; value=&quot;299&quot;/&gt;&lt;/object&gt;&lt;object type=&quot;3&quot; unique_id=&quot;225314&quot;&gt;&lt;property id=&quot;20148&quot; value=&quot;5&quot;/&gt;&lt;property id=&quot;20300&quot; value=&quot;スライド 8 - &amp;quot;2. ネットのイラストはだれのもの？&amp;quot;&quot;/&gt;&lt;property id=&quot;20307&quot; value=&quot;300&quot;/&gt;&lt;/object&gt;&lt;object type=&quot;3&quot; unique_id=&quot;225315&quot;&gt;&lt;property id=&quot;20148&quot; value=&quot;5&quot;/&gt;&lt;property id=&quot;20300&quot; value=&quot;スライド 9 - &amp;quot;2. ネットのイラストはだれのもの？&amp;quot;&quot;/&gt;&lt;property id=&quot;20307&quot; value=&quot;301&quot;/&gt;&lt;/object&gt;&lt;object type=&quot;3&quot; unique_id=&quot;225316&quot;&gt;&lt;property id=&quot;20148&quot; value=&quot;5&quot;/&gt;&lt;property id=&quot;20300&quot; value=&quot;スライド 10 - &amp;quot;2. ネットのイラストはだれのもの？&amp;quot;&quot;/&gt;&lt;property id=&quot;20307&quot; value=&quot;302&quot;/&gt;&lt;/object&gt;&lt;object type=&quot;3&quot; unique_id=&quot;225317&quot;&gt;&lt;property id=&quot;20148&quot; value=&quot;5&quot;/&gt;&lt;property id=&quot;20300&quot; value=&quot;スライド 11 - &amp;quot;2. ネットのイラストはだれのもの？&amp;quot;&quot;/&gt;&lt;property id=&quot;20307&quot; value=&quot;303&quot;/&gt;&lt;/object&gt;&lt;object type=&quot;3&quot; unique_id=&quot;225318&quot;&gt;&lt;property id=&quot;20148&quot; value=&quot;5&quot;/&gt;&lt;property id=&quot;20300&quot; value=&quot;スライド 13 - &amp;quot;3. 名前、住所、写真を公開しない&amp;quot;&quot;/&gt;&lt;property id=&quot;20307&quot; value=&quot;304&quot;/&gt;&lt;/object&gt;&lt;object type=&quot;3&quot; unique_id=&quot;225319&quot;&gt;&lt;property id=&quot;20148&quot; value=&quot;5&quot;/&gt;&lt;property id=&quot;20300&quot; value=&quot;スライド 14 - &amp;quot;3. 名前、住所、写真を公開しない&amp;quot;&quot;/&gt;&lt;property id=&quot;20307&quot; value=&quot;305&quot;/&gt;&lt;/object&gt;&lt;object type=&quot;3&quot; unique_id=&quot;225320&quot;&gt;&lt;property id=&quot;20148&quot; value=&quot;5&quot;/&gt;&lt;property id=&quot;20300&quot; value=&quot;スライド 16 - &amp;quot;3. 名前、住所、写真を公開しない&amp;quot;&quot;/&gt;&lt;property id=&quot;20307&quot; value=&quot;306&quot;/&gt;&lt;/object&gt;&lt;object type=&quot;3&quot; unique_id=&quot;225321&quot;&gt;&lt;property id=&quot;20148&quot; value=&quot;5&quot;/&gt;&lt;property id=&quot;20300&quot; value=&quot;スライド 17 - &amp;quot;3. 名前、住所、写真を公開しない&amp;quot;&quot;/&gt;&lt;property id=&quot;20307&quot; value=&quot;307&quot;/&gt;&lt;/object&gt;&lt;object type=&quot;3&quot; unique_id=&quot;225322&quot;&gt;&lt;property id=&quot;20148&quot; value=&quot;5&quot;/&gt;&lt;property id=&quot;20300&quot; value=&quot;スライド 19 - &amp;quot;4. 知らない人からのメール&amp;quot;&quot;/&gt;&lt;property id=&quot;20307&quot; value=&quot;308&quot;/&gt;&lt;/object&gt;&lt;object type=&quot;3&quot; unique_id=&quot;225323&quot;&gt;&lt;property id=&quot;20148&quot; value=&quot;5&quot;/&gt;&lt;property id=&quot;20300&quot; value=&quot;スライド 20 - &amp;quot;4. 知らない人からのメール&amp;quot;&quot;/&gt;&lt;property id=&quot;20307&quot; value=&quot;309&quot;/&gt;&lt;/object&gt;&lt;object type=&quot;3&quot; unique_id=&quot;225324&quot;&gt;&lt;property id=&quot;20148&quot; value=&quot;5&quot;/&gt;&lt;property id=&quot;20300&quot; value=&quot;スライド 21 - &amp;quot;4. 知らない人からのメール&amp;quot;&quot;/&gt;&lt;property id=&quot;20307&quot; value=&quot;310&quot;/&gt;&lt;/object&gt;&lt;object type=&quot;3&quot; unique_id=&quot;225325&quot;&gt;&lt;property id=&quot;20148&quot; value=&quot;5&quot;/&gt;&lt;property id=&quot;20300&quot; value=&quot;スライド 22 - &amp;quot;4. 知らない人からのメール&amp;quot;&quot;/&gt;&lt;property id=&quot;20307&quot; value=&quot;311&quot;/&gt;&lt;/object&gt;&lt;object type=&quot;3&quot; unique_id=&quot;225524&quot;&gt;&lt;property id=&quot;20148&quot; value=&quot;5&quot;/&gt;&lt;property id=&quot;20300&quot; value=&quot;スライド 1 - &amp;quot;情報モラル教育&amp;quot;&quot;/&gt;&lt;property id=&quot;20307&quot; value=&quot;313&quot;/&gt;&lt;/object&gt;&lt;object type=&quot;3&quot; unique_id=&quot;228223&quot;&gt;&lt;property id=&quot;20148&quot; value=&quot;5&quot;/&gt;&lt;property id=&quot;20300&quot; value=&quot;スライド 12 - &amp;quot;第3話 名前、住所、写真を 公開しない&amp;quot;&quot;/&gt;&lt;property id=&quot;20307&quot; value=&quot;316&quot;/&gt;&lt;/object&gt;&lt;object type=&quot;3&quot; unique_id=&quot;228225&quot;&gt;&lt;property id=&quot;20148&quot; value=&quot;5&quot;/&gt;&lt;property id=&quot;20300&quot; value=&quot;スライド 23 - &amp;quot;第5話 パスワード管理&amp;quot;&quot;/&gt;&lt;property id=&quot;20307&quot; value=&quot;318&quot;/&gt;&lt;/object&gt;&lt;object type=&quot;3&quot; unique_id=&quot;228227&quot;&gt;&lt;property id=&quot;20148&quot; value=&quot;5&quot;/&gt;&lt;property id=&quot;20300&quot; value=&quot;スライド 34 - &amp;quot;第7話 インターネットを 使うときのルール&amp;quot;&quot;/&gt;&lt;property id=&quot;20307&quot; value=&quot;320&quot;/&gt;&lt;/object&gt;&lt;object type=&quot;3&quot; unique_id=&quot;228228&quot;&gt;&lt;property id=&quot;20148&quot; value=&quot;5&quot;/&gt;&lt;property id=&quot;20300&quot; value=&quot;スライド 40 - &amp;quot;第8話 ネットゲームの 　やり過ぎはダメ！ 　（有料アイテム）&amp;quot;&quot;/&gt;&lt;property id=&quot;20307&quot; value=&quot;321&quot;/&gt;&lt;/object&gt;&lt;object type=&quot;3&quot; unique_id=&quot;228769&quot;&gt;&lt;property id=&quot;20148&quot; value=&quot;5&quot;/&gt;&lt;property id=&quot;20300&quot; value=&quot;スライド 15 - &amp;quot;3. 名前、住所、写真を公開しない&amp;quot;&quot;/&gt;&lt;property id=&quot;20307&quot; value=&quot;323&quot;/&gt;&lt;/object&gt;&lt;object type=&quot;3&quot; unique_id=&quot;230173&quot;&gt;&lt;property id=&quot;20148&quot; value=&quot;5&quot;/&gt;&lt;property id=&quot;20300&quot; value=&quot;スライド 2 - &amp;quot;第1話 インターネットの 情報は正しいの？&amp;quot;&quot;/&gt;&lt;property id=&quot;20307&quot; value=&quot;325&quot;/&gt;&lt;/object&gt;&lt;object type=&quot;3&quot; unique_id=&quot;230789&quot;&gt;&lt;property id=&quot;20148&quot; value=&quot;5&quot;/&gt;&lt;property id=&quot;20300&quot; value=&quot;スライド 18 - &amp;quot;第4話  知らない人からの メール&amp;quot;&quot;/&gt;&lt;property id=&quot;20307&quot; value=&quot;328&quot;/&gt;&lt;/object&gt;&lt;object type=&quot;3&quot; unique_id=&quot;230790&quot;&gt;&lt;property id=&quot;20148&quot; value=&quot;5&quot;/&gt;&lt;property id=&quot;20300&quot; value=&quot;スライド 28 - &amp;quot;第6話 悪口を書かない&amp;quot;&quot;/&gt;&lt;property id=&quot;20307&quot; value=&quot;329&quot;/&gt;&lt;/object&gt;&lt;object type=&quot;3&quot; unique_id=&quot;231045&quot;&gt;&lt;property id=&quot;20148&quot; value=&quot;5&quot;/&gt;&lt;property id=&quot;20300&quot; value=&quot;スライド 7 - &amp;quot;第2話 ネットのイラストは だれのもの？&amp;quot;&quot;/&gt;&lt;property id=&quot;20307&quot; value=&quot;330&quot;/&gt;&lt;/object&gt;&lt;object type=&quot;3&quot; unique_id=&quot;495021&quot;&gt;&lt;property id=&quot;20148&quot; value=&quot;5&quot;/&gt;&lt;property id=&quot;20300&quot; value=&quot;スライド 47 - &amp;quot;第9話 チケットの転売は いけないの？&amp;quot;&quot;/&gt;&lt;property id=&quot;20307&quot; value=&quot;331&quot;/&gt;&lt;/object&gt;&lt;object type=&quot;3&quot; unique_id=&quot;495022&quot;&gt;&lt;property id=&quot;20148&quot; value=&quot;5&quot;/&gt;&lt;property id=&quot;20300&quot; value=&quot;スライド 48 - &amp;quot;9. チケットの転売はいけないの？&amp;quot;&quot;/&gt;&lt;property id=&quot;20307&quot; value=&quot;332&quot;/&gt;&lt;/object&gt;&lt;object type=&quot;3&quot; unique_id=&quot;495023&quot;&gt;&lt;property id=&quot;20148&quot; value=&quot;5&quot;/&gt;&lt;property id=&quot;20300&quot; value=&quot;スライド 49 - &amp;quot;9. チケットの転売はいけないの？&amp;quot;&quot;/&gt;&lt;property id=&quot;20307&quot; value=&quot;333&quot;/&gt;&lt;/object&gt;&lt;object type=&quot;3&quot; unique_id=&quot;495024&quot;&gt;&lt;property id=&quot;20148&quot; value=&quot;5&quot;/&gt;&lt;property id=&quot;20300&quot; value=&quot;スライド 50 - &amp;quot;9. チケットの転売はいけないの？&amp;quot;&quot;/&gt;&lt;property id=&quot;20307&quot; value=&quot;334&quot;/&gt;&lt;/object&gt;&lt;object type=&quot;3&quot; unique_id=&quot;495025&quot;&gt;&lt;property id=&quot;20148&quot; value=&quot;5&quot;/&gt;&lt;property id=&quot;20300&quot; value=&quot;スライド 51 - &amp;quot;9. チケットの転売はいけないの？&amp;quot;&quot;/&gt;&lt;property id=&quot;20307&quot; value=&quot;335&quot;/&gt;&lt;/object&gt;&lt;object type=&quot;3&quot; unique_id=&quot;495026&quot;&gt;&lt;property id=&quot;20148&quot; value=&quot;5&quot;/&gt;&lt;property id=&quot;20300&quot; value=&quot;スライド 52 - &amp;quot;9. チケットの転売はいけないの？&amp;quot;&quot;/&gt;&lt;property id=&quot;20307&quot; value=&quot;336&quot;/&gt;&lt;/object&gt;&lt;object type=&quot;3&quot; unique_id=&quot;495027&quot;&gt;&lt;property id=&quot;20148&quot; value=&quot;5&quot;/&gt;&lt;property id=&quot;20300&quot; value=&quot;スライド 53 - &amp;quot;第10話 フィルタリングで 何を守ってくれているの？&amp;quot;&quot;/&gt;&lt;property id=&quot;20307&quot; value=&quot;337&quot;/&gt;&lt;/object&gt;&lt;object type=&quot;3&quot; unique_id=&quot;495028&quot;&gt;&lt;property id=&quot;20148&quot; value=&quot;5&quot;/&gt;&lt;property id=&quot;20300&quot; value=&quot;スライド 54 - &amp;quot;10. フィルタリングで何を守ってくれているの？&amp;quot;&quot;/&gt;&lt;property id=&quot;20307&quot; value=&quot;338&quot;/&gt;&lt;/object&gt;&lt;object type=&quot;3&quot; unique_id=&quot;495029&quot;&gt;&lt;property id=&quot;20148&quot; value=&quot;5&quot;/&gt;&lt;property id=&quot;20300&quot; value=&quot;スライド 55 - &amp;quot;10. フィルタリングで何を守ってくれているの？&amp;quot;&quot;/&gt;&lt;property id=&quot;20307&quot; value=&quot;339&quot;/&gt;&lt;/object&gt;&lt;object type=&quot;3&quot; unique_id=&quot;495030&quot;&gt;&lt;property id=&quot;20148&quot; value=&quot;5&quot;/&gt;&lt;property id=&quot;20300&quot; value=&quot;スライド 56 - &amp;quot;10. フィルタリングで何を守ってくれているの？&amp;quot;&quot;/&gt;&lt;property id=&quot;20307&quot; value=&quot;340&quot;/&gt;&lt;/object&gt;&lt;object type=&quot;3&quot; unique_id=&quot;495031&quot;&gt;&lt;property id=&quot;20148&quot; value=&quot;5&quot;/&gt;&lt;property id=&quot;20300&quot; value=&quot;スライド 57 - &amp;quot;10. フィルタリングで何を守ってくれているの？&amp;quot;&quot;/&gt;&lt;property id=&quot;20307&quot; value=&quot;341&quot;/&gt;&lt;/object&gt;&lt;object type=&quot;3&quot; unique_id=&quot;495032&quot;&gt;&lt;property id=&quot;20148&quot; value=&quot;5&quot;/&gt;&lt;property id=&quot;20300&quot; value=&quot;スライド 58 - &amp;quot;第11話 ウイルスに 感染（かんせん）してしまったら？&amp;quot;&quot;/&gt;&lt;property id=&quot;20307&quot; value=&quot;342&quot;/&gt;&lt;/object&gt;&lt;object type=&quot;3&quot; unique_id=&quot;495033&quot;&gt;&lt;property id=&quot;20148&quot; value=&quot;5&quot;/&gt;&lt;property id=&quot;20300&quot; value=&quot;スライド 59 - &amp;quot;11. ウイルスに感染してしまったら？&amp;quot;&quot;/&gt;&lt;property id=&quot;20307&quot; value=&quot;343&quot;/&gt;&lt;/object&gt;&lt;object type=&quot;3&quot; unique_id=&quot;495034&quot;&gt;&lt;property id=&quot;20148&quot; value=&quot;5&quot;/&gt;&lt;property id=&quot;20300&quot; value=&quot;スライド 60 - &amp;quot;11. ウイルスに感染してしまったら？&amp;quot;&quot;/&gt;&lt;property id=&quot;20307&quot; value=&quot;344&quot;/&gt;&lt;/object&gt;&lt;object type=&quot;3&quot; unique_id=&quot;495035&quot;&gt;&lt;property id=&quot;20148&quot; value=&quot;5&quot;/&gt;&lt;property id=&quot;20300&quot; value=&quot;スライド 61 - &amp;quot;11. ウイルスに感染してしまったら？&amp;quot;&quot;/&gt;&lt;property id=&quot;20307&quot; value=&quot;345&quot;/&gt;&lt;/object&gt;&lt;object type=&quot;3&quot; unique_id=&quot;495036&quot;&gt;&lt;property id=&quot;20148&quot; value=&quot;5&quot;/&gt;&lt;property id=&quot;20300&quot; value=&quot;スライド 62 - &amp;quot;11. ウイルスに感染してしまったら？&amp;quot;&quot;/&gt;&lt;property id=&quot;20307&quot; value=&quot;346&quot;/&gt;&lt;/object&gt;&lt;object type=&quot;3&quot; unique_id=&quot;495037&quot;&gt;&lt;property id=&quot;20148&quot; value=&quot;5&quot;/&gt;&lt;property id=&quot;20300&quot; value=&quot;スライド 63 - &amp;quot;第12話  ネットオークションや フリマアプリで トラブルにあったら？&amp;quot;&quot;/&gt;&lt;property id=&quot;20307&quot; value=&quot;347&quot;/&gt;&lt;/object&gt;&lt;object type=&quot;3&quot; unique_id=&quot;495038&quot;&gt;&lt;property id=&quot;20148&quot; value=&quot;5&quot;/&gt;&lt;property id=&quot;20300&quot; value=&quot;スライド 64 - &amp;quot;12.ネットオークションやフリマアプリでトラブルにあったら？&amp;quot;&quot;/&gt;&lt;property id=&quot;20307&quot; value=&quot;348&quot;/&gt;&lt;/object&gt;&lt;object type=&quot;3&quot; unique_id=&quot;495039&quot;&gt;&lt;property id=&quot;20148&quot; value=&quot;5&quot;/&gt;&lt;property id=&quot;20300&quot; value=&quot;スライド 65 - &amp;quot;12.ネットオークションやフリマアプリでトラブルにあったら？&amp;quot;&quot;/&gt;&lt;property id=&quot;20307&quot; value=&quot;349&quot;/&gt;&lt;/object&gt;&lt;object type=&quot;3&quot; unique_id=&quot;495040&quot;&gt;&lt;property id=&quot;20148&quot; value=&quot;5&quot;/&gt;&lt;property id=&quot;20300&quot; value=&quot;スライド 66 - &amp;quot;12.ネットオークションやフリマアプリでトラブルにあったら？&amp;quot;&quot;/&gt;&lt;property id=&quot;20307&quot; value=&quot;350&quot;/&gt;&lt;/object&gt;&lt;object type=&quot;3&quot; unique_id=&quot;495041&quot;&gt;&lt;property id=&quot;20148&quot; value=&quot;5&quot;/&gt;&lt;property id=&quot;20300&quot; value=&quot;スライド 67 - &amp;quot;12.ネットオークションやフリマアプリでトラブルにあったら？&amp;quot;&quot;/&gt;&lt;property id=&quot;20307&quot; value=&quot;351&quot;/&gt;&lt;/object&gt;&lt;/object&gt;&lt;object type=&quot;8&quot; unique_id=&quot;215459&quot;&gt;&lt;/object&gt;&lt;/object&gt;&lt;/database&gt;"/>
  <p:tag name="ISPRING_UUID" val="{45A6E4AE-7A1F-4D8E-ACC7-2C1BB4298570}"/>
  <p:tag name="ISPRING_RESOURCE_FOLDER" val="D:\_プロジェクト\201711_徳島第3弾\05_fla\情報モラル教育 小学生向け第1話～12話_20180301\"/>
  <p:tag name="ISPRING_PRESENTATION_PATH" val="D:\_プロジェクト\201711_徳島第3弾\05_fla\情報モラル教育 小学生向け第1話～12話_20180301.pptx"/>
  <p:tag name="ISPRING_SCREEN_RECS_UPDATED" val="D:\_プロジェクト\201711_徳島第3弾\05_fla\情報モラル教育 小学生向け第1話～12話_20180301"/>
  <p:tag name="ISPRING_ULTRA_SCORM_SLIDE_COUNT" val="1"/>
  <p:tag name="ARTICULATE_PROJECT_OPEN" val="0"/>
  <p:tag name="SECTOMILLISECCONVERTED" val="1"/>
  <p:tag name="ISPRING_RESOURCE_PATHS_HASH_PRESENTER" val="44c67232bc6ed670507248ee72a634fa3fbf919"/>
  <p:tag name="ISPRING-SUITE_ISPRING_CURRENT_PLAYER_ID" val="universal"/>
  <p:tag name="ISPRING_PRESENTATION_COURSE_TITLE" val="情報モラル教育 小学生向け"/>
  <p:tag name="ISPRING_LMS_API_VERSION" val="SCORM 2004 (4th edition)"/>
  <p:tag name="ISPRING_ULTRA_SCORM_COURCE_TITLE" val="情報モラル教育　小学校低学年　第11話"/>
  <p:tag name="ISPRING_CMI5_LAUNCH_METHOD" val="any window"/>
  <p:tag name="ISPRINGCLOUDFOLDERID" val="1"/>
  <p:tag name="ISPRINGONLINEFOLDERID" val="1"/>
  <p:tag name="ISPRING_OUTPUT_FOLDER" val="[[&quot;\uFFFD\\\uFFFD{C8200F90-E3A9-4BA9-88CD-9E9515C25619}&quot;,&quot;C:\\Users\\s-shirochika\\Documents\\01_job\\202210_徳島\\05_iSpring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PASSING_SCORE" val="20.000000"/>
  <p:tag name="ISPRING_PRESENTATION_TITLE" val="情報モラル教育　小学校低学年　第11話"/>
  <p:tag name="ISPRING-SUITE_ISPRING_PLAYERS_CUSTOMIZATION_2" val="{&quot;universal&quot;:{&quot;skinSettings&quot;:{&quot;borderRadius&quot;:10,&quot;colors&quot;:{&quot;asideBackground&quot;:{&quot;color&quot;:&quot;#FFFFFF&quot;,&quot;opacity&quot;:1,&quot;type&quot;:&quot;SOLID&quot;},&quot;asideElementBackgroundActive&quot;:{&quot;color&quot;:&quot;#398549&quot;,&quot;opacity&quot;:1,&quot;type&quot;:&quot;SOLID&quot;},&quot;asideElementBackgroundHover&quot;:{&quot;color&quot;:&quot;#BDFFA4&quot;,&quot;opacity&quot;:1,&quot;type&quot;:&quot;SOLID&quot;},&quot;asideElementText&quot;:{&quot;color&quot;:&quot;#727272&quot;,&quot;opacity&quot;:1,&quot;type&quot;:&quot;SOLID&quot;},&quot;asideElementTextActive&quot;:{&quot;color&quot;:&quot;#FFFFFF&quot;,&quot;opacity&quot;:1,&quot;type&quot;:&quot;SOLID&quot;},&quot;asideElementTextHover&quot;:{&quot;color&quot;:&quot;#4D4D4D&quot;,&quot;opacity&quot;:1,&quot;type&quot;:&quot;SOLID&quot;},&quot;asideLogoBackground&quot;:{&quot;color&quot;:&quot;#FFFFFF&quot;,&quot;opacity&quot;:1,&quot;type&quot;:&quot;SOLID&quot;},&quot;pageBackground&quot;:{&quot;color&quot;:&quot;#B2C4B2&quot;,&quot;opacity&quot;:1,&quot;type&quot;:&quot;SOLID&quot;},&quot;playerBackground&quot;:{&quot;color&quot;:&quot;#E2EBE2&quot;,&quot;opacity&quot;:1,&quot;type&quot;:&quot;SOLID&quot;},&quot;playerText&quot;:{&quot;color&quot;:&quot;#4D4D4D&quot;,&quot;opacity&quot;:1,&quot;type&quot;:&quot;SOLID&quot;},&quot;primaryButtonBackground&quot;:{&quot;color&quot;:&quot;#209B35&quot;,&quot;opacity&quot;:1,&quot;type&quot;:&quot;SOLID&quot;},&quot;primaryButtonBackgroundHover&quot;:{&quot;color&quot;:&quot;#25B73E&quot;,&quot;opacity&quot;:1,&quot;type&quot;:&quot;SOLID&quot;},&quot;primaryButtonBorder&quot;:{&quot;color&quot;:&quot;#209B35&quot;,&quot;opacity&quot;:1,&quot;type&quot;:&quot;SOLID&quot;},&quot;primaryButtonBorderHover&quot;:{&quot;color&quot;:&quot;#25B73E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209B35&quot;,&quot;opacity&quot;:1,&quot;type&quot;:&quot;SOLID&quot;},&quot;secondaryButtonBackgroundHover&quot;:{&quot;color&quot;:&quot;#25B73E&quot;,&quot;opacity&quot;:1,&quot;type&quot;:&quot;SOLID&quot;},&quot;secondaryButtonBorder&quot;:{&quot;color&quot;:&quot;#209B35&quot;,&quot;opacity&quot;:1,&quot;type&quot;:&quot;SOLID&quot;},&quot;secondaryButtonBorderHover&quot;:{&quot;color&quot;:&quot;#25B73E&quot;,&quot;opacity&quot;:1,&quot;type&quot;:&quot;SOLID&quot;},&quot;secondaryButtonText&quot;:{&quot;color&quot;:&quot;#FFFFFF&quot;,&quot;opacity&quot;:1,&quot;type&quot;:&quot;SOLID&quot;},&quot;secondaryButtonTextHover&quot;:{&quot;color&quot;:&quot;#FFFFFF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true,&quot;showPlayPause&quot;:true,&quot;showPlaybackRateButton&quot;:false,&quot;showPrevButton&quot;:true,&quot;showRewind&quot;:true,&quot;showSlideNumbers&quot;:true,&quot;showSlideOnlyButton&quot;:true,&quot;showVolumeControl&quot;:false,&quot;visible&quot;:true},&quot;fontFamily&quot;:&quot;Meiryo UI&quot;,&quot;miniskinCustomizationEnabled&quot;:true,&quot;outlinePanel&quot;:{&quot;highlightViewedEntries&quot;:true,&quot;multilevel&quot;:true,&quot;numberEntries&quot;:fals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true,&quot;courseTitleVisible&quot;:false,&quot;showLogo&quot;:false,&quot;visible&quot;:false},&quot;version&quot;:&quot;1.0&quot;},&quot;skinMessages&quot;:{&quot;PB_ACCESSIBLE_ARIA_LABEL_BACK_TO_BEGIN&quot;:&quot;スライドの最初に戻る&quot;,&quot;PB_ACCESSIBLE_ARIA_LABEL_BOTTOM_PANEL&quot;:&quot;ボトムバー&quot;,&quot;PB_ACCESSIBLE_ARIA_LABEL_NAVIGATION_BUTTONS&quot;:&quot;ナビゲーションボタン&quot;,&quot;PB_ACCESSIBLE_ARIA_LABEL_SETTINGS&quot;:&quot;アクセシビリティの設定&quot;,&quot;PB_ACCESSIBLE_ARIA_LABEL_SLIDE&quot;:&quot;スライド&quot;,&quot;PB_ACCESSIBLE_ARIA_LABEL_TOP_PANEL&quot;:&quot;トップバー&quot;,&quot;PB_ACCESSIBLE_AUDIO_NARRATION_LABEL&quot;:&quot;音声ナレーション&quot;,&quot;PB_ACCESSIBLE_NAVIGATION_NEXT_BUTTON&quot;:&quot;次へ&quot;,&quot;PB_ACCESSIBLE_NAVIGATION_PREV_BUTTON&quot;:&quot;前&quot;,&quot;PB_ACCESSIBLE_PLAYER_SCENARIO_NOT_SUPPORTED&quot;:&quot;このシミュレーションは、アクセシビリティモードに対応していません&quot;,&quot;PB_ACCESSIBLE_SKIN_ENABLE_ACCESSIBILITY_MODE&quot;:&quot;アクセシビリティモードをオンにする&quot;,&quot;PB_ACCESSIBLE_SKIN_ENABLE_NORMAL_MODE&quot;:&quot;アクセシビリティモードをオフにする&quot;,&quot;PB_ACCESSIBLE_SKIN_PRESENTER_PHOTO&quot;:&quot;プレゼンター写真&quot;,&quot;PB_ACCESSIBLE_SLIDE_N_OF_COUNT&quot;:&quot;スライド%SLIDE_NUMBER%\/%TOTAL_SLIDES%&quot;,&quot;PB_ACCESSIBLE_VIDEO_NARRATION_LABEL&quot;:&quot;ビデオナレーション&quot;,&quot;PB_ACCESSIBLE_WATERMARK_SKIN_CREATED_WITH&quot;:&quot;iSpring評価版で作成&quot;,&quot;PB_ATTACHMENT_DOCUMENT_SUBTITLE&quot;:&quot;文書&quot;,&quot;PB_ATTACHMENT_FILE_SUBTITLE&quot;:&quot;ファイル&quot;,&quot;PB_ATTACHMENT_IMAGE_SUBTITLE&quot;:&quot;画像&quot;,&quot;PB_ATTACHMENT_LINK_SUBTITLE&quot;:&quot;リンク&quot;,&quot;PB_ATTACHMENT_VIDEO_SUBTITLE&quot;:&quot;ビデオ&quot;,&quot;PB_BACK_TO_APP_BUTTON_LABEL&quot;:&quot;戻る&quot;,&quot;PB_CC_MENU_OFF&quot;:&quot;オフ&quot;,&quot;PB_CC_MENU_ON&quot;:&quot;オン&quot;,&quot;PB_CC_MENU_TITLE&quot;:&quot;メモ&quot;,&quot;PB_COMPANY_LOGO_BIG&quot;:&quot;企業ロゴ(268x156)&quot;,&quot;PB_COMPANY_LOGO_SMALL&quot;:&quot;企業ロゴ (268x50)&quot;,&quot;PB_CONTROL_PANEL_EXIT_FULL_SCREEN&quot;:&quot;フルスクリーンを終了&quot;,&quot;PB_CONTROL_PANEL_FULL_SCREEN&quot;:&quot;フルスクリーン&quot;,&quot;PB_CONTROL_PANEL_NEXT&quot;:&quot;次へ&quot;,&quot;PB_CONTROL_PANEL_OUTLINE&quot;:&quot;目次&quot;,&quot;PB_CONTROL_PANEL_PREV&quot;:&quot;前へ&quot;,&quot;PB_CONTROL_PANEL_REPLAY&quot;:&quot;リプレイ&quot;,&quot;PB_CONTROL_PANEL_SLIDE_COUNTER&quot;:&quot;%SLIDE_NUMBER%\/%TOTAL_SLIDES%&quot;,&quot;PB_CONTROL_PANEL_VOLUME_CONTROL&quot;:&quot;ボリューム:&quot;,&quot;PB_CURRENT_SLIDE_IS_NOT_COMPLETED&quot;:&quot;全てのスライドを見てください&quot;,&quot;PB_DOMAIN_RESTRICTION&quot;:&quot;プレゼンテーションの制作者がこのドメインからの閲覧を無効にしました。申し訳ございません。&quot;,&quot;PB_DOWNLOAD_APP_MESSAGE&quot;:&quot;このプレゼンテーションをビデオでご覧になるには、iOSアプリケーション「iSpring Play」（無料）をダウンロードしてください。&quot;,&quot;PB_DRAWING_TOOLS_END_DRAWING&quot;:&quot;ドローイングの終了&quot;,&quot;PB_DRAWING_TOOLS_ERASER&quot;:&quot;消しゴム&quot;,&quot;PB_DRAWING_TOOLS_ERASE_ALL&quot;:&quot;全て消去&quot;,&quot;PB_DRAWING_TOOLS_HIGHLIGHTER&quot;:&quot;ハイライト&quot;,&quot;PB_DRAWING_TOOLS_PEN&quot;:&quot;ペン&quot;,&quot;PB_ENTER_PASSWORD&quot;:&quot;プレゼンテーションを見るにはパスワードを入力します&quot;,&quot;PB_INCORRECT_PASSWORD&quot;:&quot;パスワードが正しくありません&quot;,&quot;PB_INTERACTION_SLIDE_WINDOW_TEXT&quot;:&quot;このスライドを離れる前に、インタラクションを完了させる必要があります。&quot;,&quot;PB_LAUNCH_BTN_LABEL&quot;:&quot;起動&quot;,&quot;PB_LAUNCH_IN_APP_MESSAGE&quot;:&quot;ビデオでご覧になる場合は、iSpring Playをご利用ください。&quot;,&quot;PB_MESSAGE_BOX_NO&quot;:&quot;いいえ&quot;,&quot;PB_MESSAGE_BOX_OK&quot;:&quot;OK&quot;,&quot;PB_MESSAGE_BOX_YES&quot;:&quot;はい&quot;,&quot;PB_NAVIGATION_IS_RESTRICTED&quot;:&quot;参照済スライドのみにアクセス可能&quot;,&quot;PB_NAVIGATION_IS_SEQUENTIAL&quot;:&quot;スライドは規定の順序で参照してください&quot;,&quot;PB_PLAYBACK_RATE_MENU_CAPTION&quot;:&quot;速度&quot;,&quot;PB_PRECEDING_QUIZ_FAILED_WINDOW_TEXT&quot;:&quot;スライド %SLIDE_INDEX% の問題が不正解のため、先に進めません。&quot;,&quot;PB_PRECEDING_QUIZ_NOT_COMPLETED_WINDOW_TEXT&quot;:&quot;先に進むには、スライド %SLIDE_INDEX% の問題に解答してください。&quot;,&quot;PB_PRECEDING_QUIZ_NOT_PASSED_WINDOW_TEXT&quot;:&quot;先に進むには、スライド %SLIDE_INDEX% の問題を正解する必要があります。&quot;,&quot;PB_PRECEDING_SCENARIO_FAILED_WINDOW_TEXT&quot;:&quot;スライド %SLIDE_INDEX% の対話に失格しましたので進めません&quot;,&quot;PB_PRECEDING_SCENARIO_NOT_COMPLETED_WINDOW_TEXT&quot;:&quot;進めるにはスライド %SLIDE_INDEX% で対話をしなければなりません&quot;,&quot;PB_PRECEDING_SCENARIO_NOT_PASSED_WINDOW_TEXT&quot;:&quot;進めるにはスライド %SLIDE_INDEX% の対話に合格しなければなりません&quot;,&quot;PB_PRESENTER_COLLAPSE_BIO&quot;:&quot;少なく表示&quot;,&quot;PB_PRESENTER_EMAIL&quot;:&quot;電子メール&quot;,&quot;PB_PRESENTER_EXPAND_BIO&quot;:&quot;もっと表示&quot;,&quot;PB_PRESENTER_HIDE_BIO&quot;:&quot;隠す&quot;,&quot;PB_PRESENTER_INFO&quot;:&quot;プレゼンター情報&quot;,&quot;PB_PRESENTER_NO_INFO&quot;:&quot;プレゼンター情報がありません&quot;,&quot;PB_PRESENTER_SHOW_BIO&quot;:&quot;もっと見る&quot;,&quot;PB_PRESENTER_VIDEO&quot;:&quot;プレゼンター・ビデオ&quot;,&quot;PB_PRESENTER_WEBSITE&quot;:&quot;Web サイト&quot;,&quot;PB_QUIZ_SLIDE_WINDOW_TEXT&quot;:&quot;このスライドから移動する前に問題を完了してください。&quot;,&quot;PB_RATE_MENU_CAPTION&quot;:&quot;速度&quot;,&quot;PB_RATE_MENU_DEFAULT_RATE&quot;:&quot;普通&quot;,&quot;PB_RESTRICTION_MESSAGE_BOX_TITLE&quot;:&quot;操作が制限されています&quot;,&quot;PB_RESUME_PRESENTATION_WINDOW_TEXT&quot;:&quot;最後に見たスライドから再開しますか？&quot;,&quot;PB_RESUME_PRESENTATION_WINDOW_TITLE&quot;:&quot;プレゼンテーションの再開&quot;,&quot;PB_SCENARIO_SLIDE_WINDOW_TEXT&quot;:&quot;このスライドから移動する前に対話を完了させる必要があります。&quot;,&quot;PB_SEARCH_CANCEL&quot;:&quot;キャンセル&quot;,&quot;PB_SEARCH_NO_RESULTS_LABEL&quot;:&quot;マッチしません&quot;,&quot;PB_SEARCH_PANEL_DEFAULT_TEXT&quot;:&quot;検索...&quot;,&quot;PB_SEARCH_RESULTS_LABEL&quot;:&quot;検索結果：&quot;,&quot;PB_SEARCH_RESULT_IN_NOTES&quot;:&quot;メモで&quot;,&quot;PB_SEARCH_RESULT_IN_TEXT_LABEL&quot;:&quot;スライドで&quot;,&quot;PB_SUBTITLES_MENU_CAPTION&quot;:&quot;字幕&quot;,&quot;PB_SUBTITLES_OFF&quot;:&quot;オフ&quot;,&quot;PB_TAB_NOTES_LABEL&quot;:&quot;メモ&quot;,&quot;PB_TAB_OUTLINE_LABEL&quot;:&quot;目次&quot;,&quot;PB_TIME_RESTRICTION&quot;:&quot;プレゼンテーションの制作者が一時的に閲覧を無効にしました。申し訳ございません。&quot;,&quot;PB_TITLE_PANEL_ATTACHMENTS&quot;:&quot;リソース&quot;,&quot;PB_TITLE_PANEL_DEFAULT_COURSE_TITLE&quot;:&quot;コースタイトル例&quot;,&quot;PB_TITLE_PANEL_MARKER_TOOLS&quot;:&quot;マーカーツール&quot;,&quot;PB_TITLE_PANEL_NOTES&quot;:&quot;メモ&quot;,&quot;PB_TITLE_PANEL_OUTLINE&quot;:&quot;アウトライン&quot;,&quot;PB_TITLE_PANEL_PRESENTER_INFO&quot;:&quot;プレゼンター情報&quot;,&quot;PB_TOOLTIP_ADD_LOGO&quot;:&quot;クリックして企業ロゴを追加&quot;,&quot;PB_TOOLTIP_CHANGE_LOGO&quot;:&quot;クリックして企業ロゴを追加&quot;,&quot;PB_TREE_CONTROL_LOADING&quot;:&quot;ロード中…&quot;,&quot;PB_VIDEO_WINDOW_NO_VIDEO_LABEL&quot;:&quot;ビデオがありません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PROMPT&quot;,&quot;enableKeyboardNavigation&quot;:false},&quot;keyboardSettings&quot;:&quot;&quot;,&quot;skinVersion&quot;:1,&quot;skinCompatibleVersion&quot;:0,&quot;publishSettings&quot;:{&quot;backgroundColor&quot;:&quot;#B2C4B2&quot;,&quot;playerDimensions&quot;:{&quot;height&quot;:7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&quot;,&quot;fontFamily&quot;:&quot;Meiryo UI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&quot;,&quot;fontFamily&quot;:&quot;Meiryo UI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i&quot;,&quot;fontFamily&quot;:&quot;Meiryo UI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i&quot;,&quot;fontFamily&quot;:&quot;Meiryo UI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&quot;,&quot;fontFamily&quot;:&quot;Meiryo UI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i&quot;,&quot;fontFamily&quot;:&quot;Meiryo UI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ADVANCE_TIME" val="1.00"/>
  <p:tag name="ISPRING_SLIDE_INDENT_LEVEL" val="0"/>
  <p:tag name="ISPRING_CUSTOM_TIMING_USED" val="0"/>
  <p:tag name="GENSWF_SLIDE_TITLE" val="第11話 ウイルスに感染（かんせん）してしまったら？"/>
  <p:tag name="GENSWF_SLIDE_UID" val="{40BF8893-B528-48F5-B76A-75125A6E96A9}:34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C7D5C47A-37C1-4770-844A-07C3778215F6}:34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121C52A1-445B-410D-A3D4-0E52FF469F0D}:34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EB85D7FB-DF16-4D92-A91C-B559BE820127}:34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85C7E47E-2A76-4820-AF66-1F8B9D40EA5D}:346"/>
</p:tagLst>
</file>

<file path=ppt/theme/theme1.xml><?xml version="1.0" encoding="utf-8"?>
<a:theme xmlns:a="http://schemas.openxmlformats.org/drawingml/2006/main" name="Office テーマ">
  <a:themeElements>
    <a:clrScheme name="Office テーマ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テーマ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テーマ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95000"/>
          </a:schemeClr>
        </a:solidFill>
        <a:ln>
          <a:solidFill>
            <a:schemeClr val="tx1"/>
          </a:solidFill>
        </a:ln>
        <a:scene3d>
          <a:camera prst="orthographicFront">
            <a:rot lat="0" lon="0" rev="0"/>
          </a:camera>
          <a:lightRig rig="threePt" dir="t"/>
        </a:scene3d>
      </a:spPr>
      <a:bodyPr rtlCol="0" anchor="ctr"/>
      <a:lstStyle>
        <a:defPPr algn="ctr">
          <a:defRPr kumimoji="1" dirty="0"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none" rtlCol="0">
        <a:spAutoFit/>
      </a:bodyPr>
      <a:lstStyle>
        <a:defPPr algn="ctr">
          <a:defRPr sz="1200" b="1" dirty="0">
            <a:solidFill>
              <a:schemeClr val="bg1"/>
            </a:solidFill>
            <a:latin typeface="メイリオ" panose="020B0604030504040204" pitchFamily="50" charset="-128"/>
            <a:ea typeface="メイリオ" panose="020B0604030504040204" pitchFamily="50" charset="-128"/>
            <a:cs typeface="メイリオ" panose="020B0604030504040204" pitchFamily="50" charset="-128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​​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游ゴシック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游ゴシック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6200</TotalTime>
  <Words>348</Words>
  <Application>Microsoft Office PowerPoint</Application>
  <PresentationFormat>画面に合わせる (4:3)</PresentationFormat>
  <Paragraphs>69</Paragraphs>
  <Slides>5</Slides>
  <Notes>5</Notes>
  <HiddenSlides>0</HiddenSlides>
  <MMClips>0</MMClips>
  <ScaleCrop>false</ScaleCrop>
  <HeadingPairs>
    <vt:vector size="6" baseType="variant">
      <vt:variant>
        <vt:lpstr>使用されているフォント</vt:lpstr>
      </vt:variant>
      <vt:variant>
        <vt:i4>6</vt:i4>
      </vt:variant>
      <vt:variant>
        <vt:lpstr>テーマ</vt:lpstr>
      </vt:variant>
      <vt:variant>
        <vt:i4>1</vt:i4>
      </vt:variant>
      <vt:variant>
        <vt:lpstr>スライド タイトル</vt:lpstr>
      </vt:variant>
      <vt:variant>
        <vt:i4>5</vt:i4>
      </vt:variant>
    </vt:vector>
  </HeadingPairs>
  <TitlesOfParts>
    <vt:vector size="12" baseType="lpstr">
      <vt:lpstr>Meiryo UI</vt:lpstr>
      <vt:lpstr>メイリオ</vt:lpstr>
      <vt:lpstr>游ゴシック</vt:lpstr>
      <vt:lpstr>Arial</vt:lpstr>
      <vt:lpstr>Calibri</vt:lpstr>
      <vt:lpstr>Calibri Light</vt:lpstr>
      <vt:lpstr>Office テーマ</vt:lpstr>
      <vt:lpstr>だい11話 ウイルスに 感染してしまったら？</vt:lpstr>
      <vt:lpstr>11. ウイルスに感染してしまったら？</vt:lpstr>
      <vt:lpstr>11. ウイルスに感染してしまったら？</vt:lpstr>
      <vt:lpstr>11. ウイルスに感染してしまったら？</vt:lpstr>
      <vt:lpstr>11. ウイルスに感染してしまったら？</vt:lpstr>
    </vt:vector>
  </TitlesOfParts>
  <Company>MouseComputer P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情報モラル教育　小学校低学年　第11話</dc:title>
  <cp:lastModifiedBy>城近 小夜子</cp:lastModifiedBy>
  <cp:revision>513</cp:revision>
  <cp:lastPrinted>2016-03-08T03:51:44Z</cp:lastPrinted>
  <dcterms:created xsi:type="dcterms:W3CDTF">2016-01-27T02:00:48Z</dcterms:created>
  <dcterms:modified xsi:type="dcterms:W3CDTF">2022-11-02T01:03:2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25C82281-62A0-45BF-B44E-D70073C3FE43</vt:lpwstr>
  </property>
  <property fmtid="{D5CDD505-2E9C-101B-9397-08002B2CF9AE}" pid="3" name="ArticulatePath">
    <vt:lpwstr>プレゼンテーション1</vt:lpwstr>
  </property>
</Properties>
</file>